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8526"/>
  <workbookPr defaultThemeVersion="124226"/>
  <mc:AlternateContent xmlns:mc="http://schemas.openxmlformats.org/markup-compatibility/2006">
    <mc:Choice Requires="x15">
      <x15ac:absPath xmlns:x15ac="http://schemas.microsoft.com/office/spreadsheetml/2010/11/ac" url="\\kfs01\s0510\01課共用\★令和7年度12月補正（飼料高騰対策）\13_HPの公開\01_作業\別紙①～別紙④\"/>
    </mc:Choice>
  </mc:AlternateContent>
  <xr:revisionPtr revIDLastSave="0" documentId="8_{F9473F5A-C0DA-43B2-A93B-52E058E975D1}" xr6:coauthVersionLast="47" xr6:coauthVersionMax="47" xr10:uidLastSave="{00000000-0000-0000-0000-000000000000}"/>
  <bookViews>
    <workbookView xWindow="-108" yWindow="-108" windowWidth="23256" windowHeight="13896" firstSheet="4" activeTab="4" xr2:uid="{00000000-000D-0000-FFFF-FFFF00000000}"/>
  </bookViews>
  <sheets>
    <sheet name="１号様式別記B" sheetId="7" state="hidden" r:id="rId1"/>
    <sheet name="３号様式３－１ (令和)" sheetId="8" state="hidden" r:id="rId2"/>
    <sheet name="３号様式３－２" sheetId="3" state="hidden" r:id="rId3"/>
    <sheet name="３号様式３－３" sheetId="1" state="hidden" r:id="rId4"/>
    <sheet name="令和７年度　交付申請額及び実績報告額　算定シート" sheetId="27" r:id="rId5"/>
    <sheet name="７号様式 (令和)" sheetId="10" state="hidden" r:id="rId6"/>
  </sheets>
  <definedNames>
    <definedName name="_xlnm.Print_Area" localSheetId="0">'１号様式別記B'!$A$1:$U$83</definedName>
    <definedName name="_xlnm.Print_Area" localSheetId="1">'３号様式３－１ (令和)'!$A$1:$I$21</definedName>
    <definedName name="_xlnm.Print_Area" localSheetId="2">'３号様式３－２'!$A$1:$P$26</definedName>
    <definedName name="_xlnm.Print_Area" localSheetId="4">'令和７年度　交付申請額及び実績報告額　算定シート'!$A$1:$I$25</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24" i="27" l="1"/>
  <c r="F23" i="27"/>
  <c r="F22" i="27"/>
  <c r="E16" i="27"/>
  <c r="F16" i="27" s="1"/>
  <c r="G16" i="27"/>
  <c r="D15" i="27"/>
  <c r="E15" i="27" s="1"/>
  <c r="F15" i="27" s="1"/>
  <c r="E10" i="27"/>
  <c r="F10" i="27" s="1"/>
  <c r="E9" i="27"/>
  <c r="F9" i="27" s="1"/>
  <c r="E8" i="27"/>
  <c r="E7" i="27"/>
  <c r="F7" i="27" s="1"/>
  <c r="G10" i="27"/>
  <c r="G9" i="27"/>
  <c r="G8" i="27"/>
  <c r="G7" i="27"/>
  <c r="G23" i="27"/>
  <c r="D16" i="27"/>
  <c r="F21" i="27" l="1"/>
  <c r="G15" i="27"/>
  <c r="H15" i="27" s="1"/>
  <c r="H16" i="27"/>
  <c r="G22" i="27"/>
  <c r="H9" i="27"/>
  <c r="H23" i="27" s="1"/>
  <c r="G21" i="27"/>
  <c r="H7" i="27"/>
  <c r="G24" i="27"/>
  <c r="H21" i="27" l="1"/>
  <c r="H8" i="27"/>
  <c r="H22" i="27" s="1"/>
  <c r="H10" i="27"/>
  <c r="H24" i="27" s="1"/>
</calcChain>
</file>

<file path=xl/sharedStrings.xml><?xml version="1.0" encoding="utf-8"?>
<sst xmlns="http://schemas.openxmlformats.org/spreadsheetml/2006/main" count="320" uniqueCount="264">
  <si>
    <t>（第３－３号様式）</t>
    <rPh sb="1" eb="2">
      <t>ダイ</t>
    </rPh>
    <rPh sb="5" eb="6">
      <t>ゴウ</t>
    </rPh>
    <rPh sb="6" eb="8">
      <t>ヨウシキ</t>
    </rPh>
    <phoneticPr fontId="3"/>
  </si>
  <si>
    <t>工　　　程　　　表</t>
    <rPh sb="0" eb="9">
      <t>コウテイヒョウ</t>
    </rPh>
    <phoneticPr fontId="3"/>
  </si>
  <si>
    <t>事項名</t>
    <rPh sb="0" eb="2">
      <t>ジコウ</t>
    </rPh>
    <rPh sb="2" eb="3">
      <t>メイ</t>
    </rPh>
    <phoneticPr fontId="3"/>
  </si>
  <si>
    <t>種　　　別</t>
    <rPh sb="0" eb="5">
      <t>シュベツ</t>
    </rPh>
    <phoneticPr fontId="3"/>
  </si>
  <si>
    <t>工　　　種</t>
    <rPh sb="0" eb="1">
      <t>コウ</t>
    </rPh>
    <rPh sb="4" eb="5">
      <t>シュ</t>
    </rPh>
    <phoneticPr fontId="3"/>
  </si>
  <si>
    <t>平　成　　　年　度</t>
    <rPh sb="0" eb="3">
      <t>ヘイセイ</t>
    </rPh>
    <rPh sb="6" eb="9">
      <t>ネンド</t>
    </rPh>
    <phoneticPr fontId="3"/>
  </si>
  <si>
    <t>翌　年　度</t>
    <rPh sb="0" eb="5">
      <t>ヨクネンド</t>
    </rPh>
    <phoneticPr fontId="3"/>
  </si>
  <si>
    <t>摘　　要</t>
    <rPh sb="0" eb="4">
      <t>テキヨウ</t>
    </rPh>
    <phoneticPr fontId="3"/>
  </si>
  <si>
    <t>計画</t>
    <rPh sb="0" eb="2">
      <t>ケイカク</t>
    </rPh>
    <phoneticPr fontId="3"/>
  </si>
  <si>
    <t>実施</t>
    <rPh sb="0" eb="2">
      <t>ジッシ</t>
    </rPh>
    <phoneticPr fontId="3"/>
  </si>
  <si>
    <t>（第３－２号様式）</t>
  </si>
  <si>
    <t>繰　　越　　調　　書</t>
  </si>
  <si>
    <t>（単位：千円）</t>
  </si>
  <si>
    <t>費　目</t>
  </si>
  <si>
    <t>工　種</t>
  </si>
  <si>
    <t>補助率</t>
  </si>
  <si>
    <t>本　年　度　計　画</t>
  </si>
  <si>
    <t>年度内完成予定出来高</t>
  </si>
  <si>
    <t>翌年度へ繰越予定額</t>
  </si>
  <si>
    <t>事業完了予定</t>
  </si>
  <si>
    <t>摘　要</t>
  </si>
  <si>
    <t>事業量</t>
  </si>
  <si>
    <t>補助金</t>
  </si>
  <si>
    <t>事業費　Β</t>
  </si>
  <si>
    <t>Ｃ＝Ｂ／Ａ</t>
  </si>
  <si>
    <t>事業費　Ｄ</t>
  </si>
  <si>
    <t>Ｅ＝100-Ｃ</t>
  </si>
  <si>
    <t>年　 月 　日</t>
  </si>
  <si>
    <t>計</t>
  </si>
  <si>
    <t>上段：繰越額（支払い）ベース</t>
  </si>
  <si>
    <t>下段：既済額ベース</t>
  </si>
  <si>
    <t>繰　越　計　算　書</t>
  </si>
  <si>
    <t>（単位：円）</t>
  </si>
  <si>
    <t>請　負　金　額</t>
  </si>
  <si>
    <t>年度内出来高</t>
  </si>
  <si>
    <t>年度内出来高額</t>
  </si>
  <si>
    <t>年度内出来高に</t>
  </si>
  <si>
    <t>前金払金額</t>
  </si>
  <si>
    <t>部分払金額</t>
  </si>
  <si>
    <t>年度内支払額</t>
  </si>
  <si>
    <t>繰　越　額</t>
  </si>
  <si>
    <t>Ａ</t>
  </si>
  <si>
    <t>対する９割金額</t>
  </si>
  <si>
    <t>Ｂ</t>
  </si>
  <si>
    <t>Ｃ</t>
  </si>
  <si>
    <t>Ｄ＝Ｂ＋Ｃ</t>
  </si>
  <si>
    <t>Ａ－Ｄ</t>
  </si>
  <si>
    <t>割合　％</t>
  </si>
  <si>
    <t>金　　額</t>
  </si>
  <si>
    <t>摘　　要</t>
  </si>
  <si>
    <t>事業費　Α</t>
    <phoneticPr fontId="5"/>
  </si>
  <si>
    <t>（第３－１号様式）</t>
    <rPh sb="1" eb="2">
      <t>ダイ</t>
    </rPh>
    <rPh sb="5" eb="6">
      <t>ゴウ</t>
    </rPh>
    <rPh sb="6" eb="8">
      <t>ヨウシキ</t>
    </rPh>
    <phoneticPr fontId="3"/>
  </si>
  <si>
    <t>翌年度にわたる債務負担を必要とする理由書</t>
    <rPh sb="0" eb="3">
      <t>ヨクネンド</t>
    </rPh>
    <rPh sb="7" eb="9">
      <t>サイム</t>
    </rPh>
    <rPh sb="9" eb="11">
      <t>フタン</t>
    </rPh>
    <rPh sb="12" eb="14">
      <t>ヒツヨウ</t>
    </rPh>
    <rPh sb="17" eb="20">
      <t>リユウショ</t>
    </rPh>
    <phoneticPr fontId="3"/>
  </si>
  <si>
    <t>事　　項　　名</t>
    <rPh sb="0" eb="4">
      <t>ジコウ</t>
    </rPh>
    <rPh sb="6" eb="7">
      <t>メイ</t>
    </rPh>
    <phoneticPr fontId="3"/>
  </si>
  <si>
    <t>科　目　並　び　に　繰　越　額</t>
    <rPh sb="0" eb="3">
      <t>カモク</t>
    </rPh>
    <rPh sb="4" eb="5">
      <t>ナラ</t>
    </rPh>
    <rPh sb="10" eb="15">
      <t>クリコシガク</t>
    </rPh>
    <phoneticPr fontId="3"/>
  </si>
  <si>
    <t>事　　業　　名</t>
    <rPh sb="0" eb="4">
      <t>ジギョウ</t>
    </rPh>
    <rPh sb="6" eb="7">
      <t>メイ</t>
    </rPh>
    <phoneticPr fontId="3"/>
  </si>
  <si>
    <t>（項）</t>
    <rPh sb="1" eb="2">
      <t>コウ</t>
    </rPh>
    <phoneticPr fontId="3"/>
  </si>
  <si>
    <t>（目）</t>
    <rPh sb="1" eb="2">
      <t>モク</t>
    </rPh>
    <phoneticPr fontId="3"/>
  </si>
  <si>
    <t>（目の細分）</t>
    <rPh sb="1" eb="2">
      <t>モク</t>
    </rPh>
    <rPh sb="3" eb="5">
      <t>サイブン</t>
    </rPh>
    <phoneticPr fontId="3"/>
  </si>
  <si>
    <t>繰越額</t>
    <rPh sb="0" eb="3">
      <t>クリコシガク</t>
    </rPh>
    <phoneticPr fontId="3"/>
  </si>
  <si>
    <t>事　業　主　体</t>
    <rPh sb="0" eb="3">
      <t>ジギョウ</t>
    </rPh>
    <rPh sb="4" eb="7">
      <t>シュタイ</t>
    </rPh>
    <phoneticPr fontId="3"/>
  </si>
  <si>
    <t>円</t>
    <rPh sb="0" eb="1">
      <t>エン</t>
    </rPh>
    <phoneticPr fontId="3"/>
  </si>
  <si>
    <t>地　　区　　名</t>
    <rPh sb="0" eb="7">
      <t>チクメイ</t>
    </rPh>
    <phoneticPr fontId="3"/>
  </si>
  <si>
    <t>経     　　　   費</t>
    <rPh sb="0" eb="13">
      <t>ケイヒ</t>
    </rPh>
    <phoneticPr fontId="3"/>
  </si>
  <si>
    <t>（所　　在　　地）</t>
    <rPh sb="1" eb="8">
      <t>ショザイチ</t>
    </rPh>
    <phoneticPr fontId="3"/>
  </si>
  <si>
    <t>区        分</t>
    <rPh sb="0" eb="10">
      <t>クブン</t>
    </rPh>
    <phoneticPr fontId="3"/>
  </si>
  <si>
    <t>％</t>
  </si>
  <si>
    <t>　事　業　費　</t>
    <rPh sb="1" eb="6">
      <t>ジギョウヒ</t>
    </rPh>
    <phoneticPr fontId="3"/>
  </si>
  <si>
    <t>事　　業　　概　　要</t>
    <rPh sb="0" eb="10">
      <t>ジギョウガイヨウ</t>
    </rPh>
    <phoneticPr fontId="3"/>
  </si>
  <si>
    <t>年        間</t>
    <rPh sb="0" eb="10">
      <t>ネンカン</t>
    </rPh>
    <phoneticPr fontId="3"/>
  </si>
  <si>
    <t>既   済   額</t>
    <rPh sb="0" eb="1">
      <t>キ</t>
    </rPh>
    <rPh sb="4" eb="5">
      <t>ス</t>
    </rPh>
    <rPh sb="8" eb="9">
      <t>ガク</t>
    </rPh>
    <phoneticPr fontId="3"/>
  </si>
  <si>
    <t>年度内支払額</t>
    <rPh sb="0" eb="3">
      <t>ネンドナイ</t>
    </rPh>
    <rPh sb="3" eb="6">
      <t>シハライガク</t>
    </rPh>
    <phoneticPr fontId="3"/>
  </si>
  <si>
    <t>繰　 越　 額</t>
    <rPh sb="0" eb="7">
      <t>クリコシガク</t>
    </rPh>
    <phoneticPr fontId="3"/>
  </si>
  <si>
    <t>（内 示 年 月 日）</t>
    <rPh sb="1" eb="4">
      <t>ナイジ</t>
    </rPh>
    <rPh sb="5" eb="10">
      <t>ネンガッピ</t>
    </rPh>
    <phoneticPr fontId="3"/>
  </si>
  <si>
    <t>交付決定年月日</t>
    <rPh sb="0" eb="2">
      <t>コウフ</t>
    </rPh>
    <rPh sb="2" eb="4">
      <t>ケッテイ</t>
    </rPh>
    <rPh sb="4" eb="5">
      <t>ネン</t>
    </rPh>
    <rPh sb="5" eb="7">
      <t>ガッピ</t>
    </rPh>
    <phoneticPr fontId="3"/>
  </si>
  <si>
    <t>繰　　越　　理　　由</t>
    <rPh sb="0" eb="4">
      <t>クリコシ</t>
    </rPh>
    <rPh sb="6" eb="10">
      <t>リユウ</t>
    </rPh>
    <phoneticPr fontId="3"/>
  </si>
  <si>
    <t>当　初　工　期</t>
    <rPh sb="0" eb="3">
      <t>トウショ</t>
    </rPh>
    <rPh sb="4" eb="7">
      <t>コウキ</t>
    </rPh>
    <phoneticPr fontId="3"/>
  </si>
  <si>
    <t>繰越による予定工期</t>
    <rPh sb="0" eb="2">
      <t>クリコシ</t>
    </rPh>
    <rPh sb="5" eb="7">
      <t>ヨテイ</t>
    </rPh>
    <rPh sb="7" eb="9">
      <t>コウキ</t>
    </rPh>
    <phoneticPr fontId="3"/>
  </si>
  <si>
    <t>年度内出来高検査年月日</t>
    <rPh sb="0" eb="3">
      <t>ネンドナイ</t>
    </rPh>
    <rPh sb="3" eb="6">
      <t>デキダカ</t>
    </rPh>
    <rPh sb="6" eb="8">
      <t>ケンサ</t>
    </rPh>
    <rPh sb="8" eb="11">
      <t>ネンガッピ</t>
    </rPh>
    <phoneticPr fontId="3"/>
  </si>
  <si>
    <t>　国　　費</t>
    <rPh sb="1" eb="2">
      <t>クニ</t>
    </rPh>
    <rPh sb="4" eb="5">
      <t>ヒ</t>
    </rPh>
    <phoneticPr fontId="3"/>
  </si>
  <si>
    <t>事業主体</t>
    <rPh sb="0" eb="2">
      <t>ジギョウ</t>
    </rPh>
    <rPh sb="2" eb="4">
      <t>シュタイ</t>
    </rPh>
    <phoneticPr fontId="5"/>
  </si>
  <si>
    <t>事業量</t>
    <rPh sb="0" eb="3">
      <t>ジギョウリョウ</t>
    </rPh>
    <phoneticPr fontId="5"/>
  </si>
  <si>
    <t>事業費</t>
    <rPh sb="0" eb="3">
      <t>ジギョウヒ</t>
    </rPh>
    <phoneticPr fontId="5"/>
  </si>
  <si>
    <t>円</t>
    <rPh sb="0" eb="1">
      <t>エン</t>
    </rPh>
    <phoneticPr fontId="5"/>
  </si>
  <si>
    <t>備考</t>
    <rPh sb="0" eb="2">
      <t>ビコウ</t>
    </rPh>
    <phoneticPr fontId="5"/>
  </si>
  <si>
    <t>県費</t>
    <rPh sb="0" eb="1">
      <t>ケン</t>
    </rPh>
    <rPh sb="1" eb="2">
      <t>ヒ</t>
    </rPh>
    <phoneticPr fontId="5"/>
  </si>
  <si>
    <t>市町村（事業実施主体）名</t>
    <phoneticPr fontId="5"/>
  </si>
  <si>
    <t>補助事業名</t>
    <rPh sb="0" eb="2">
      <t>ホジョ</t>
    </rPh>
    <rPh sb="2" eb="4">
      <t>ジギョウ</t>
    </rPh>
    <rPh sb="4" eb="5">
      <t>メイ</t>
    </rPh>
    <phoneticPr fontId="5"/>
  </si>
  <si>
    <t>地区名　　　　　　　　地区</t>
    <rPh sb="0" eb="3">
      <t>チクメイ</t>
    </rPh>
    <rPh sb="11" eb="13">
      <t>チク</t>
    </rPh>
    <phoneticPr fontId="5"/>
  </si>
  <si>
    <t>処分制限期間</t>
    <rPh sb="0" eb="2">
      <t>ショブン</t>
    </rPh>
    <rPh sb="2" eb="4">
      <t>セイゲン</t>
    </rPh>
    <rPh sb="4" eb="6">
      <t>キカン</t>
    </rPh>
    <phoneticPr fontId="5"/>
  </si>
  <si>
    <t>処分の状況</t>
    <rPh sb="0" eb="2">
      <t>ショブン</t>
    </rPh>
    <rPh sb="3" eb="5">
      <t>ジョウキョウ</t>
    </rPh>
    <phoneticPr fontId="5"/>
  </si>
  <si>
    <t>適用</t>
    <rPh sb="0" eb="2">
      <t>テキヨウ</t>
    </rPh>
    <phoneticPr fontId="5"/>
  </si>
  <si>
    <t>承認
年月日</t>
    <rPh sb="0" eb="2">
      <t>ショウニン</t>
    </rPh>
    <rPh sb="3" eb="6">
      <t>ネンガッピ</t>
    </rPh>
    <phoneticPr fontId="5"/>
  </si>
  <si>
    <t>処分制限
年月日</t>
    <rPh sb="0" eb="2">
      <t>ショブン</t>
    </rPh>
    <rPh sb="2" eb="4">
      <t>セイゲン</t>
    </rPh>
    <rPh sb="5" eb="8">
      <t>ネンガッピ</t>
    </rPh>
    <phoneticPr fontId="5"/>
  </si>
  <si>
    <t>総事業費</t>
    <rPh sb="0" eb="1">
      <t>ソウ</t>
    </rPh>
    <rPh sb="1" eb="4">
      <t>ジギョウヒ</t>
    </rPh>
    <phoneticPr fontId="5"/>
  </si>
  <si>
    <t>負担区分</t>
    <rPh sb="0" eb="2">
      <t>フタン</t>
    </rPh>
    <rPh sb="2" eb="4">
      <t>クブン</t>
    </rPh>
    <phoneticPr fontId="5"/>
  </si>
  <si>
    <t>国庫補助金</t>
    <rPh sb="0" eb="2">
      <t>コッコ</t>
    </rPh>
    <rPh sb="2" eb="5">
      <t>ホジョキン</t>
    </rPh>
    <phoneticPr fontId="5"/>
  </si>
  <si>
    <t>市町村費</t>
    <rPh sb="0" eb="3">
      <t>シチョウソン</t>
    </rPh>
    <rPh sb="3" eb="4">
      <t>ヒ</t>
    </rPh>
    <phoneticPr fontId="5"/>
  </si>
  <si>
    <t>その他</t>
    <rPh sb="2" eb="3">
      <t>タ</t>
    </rPh>
    <phoneticPr fontId="5"/>
  </si>
  <si>
    <t>処分の
内容</t>
    <rPh sb="0" eb="2">
      <t>ショブン</t>
    </rPh>
    <rPh sb="4" eb="6">
      <t>ナイヨウ</t>
    </rPh>
    <phoneticPr fontId="5"/>
  </si>
  <si>
    <t>竣工
年月日</t>
    <rPh sb="0" eb="2">
      <t>シュンコウ</t>
    </rPh>
    <rPh sb="3" eb="6">
      <t>ネンガッピ</t>
    </rPh>
    <phoneticPr fontId="5"/>
  </si>
  <si>
    <t>着工
年月日</t>
    <rPh sb="0" eb="2">
      <t>チャッコウ</t>
    </rPh>
    <rPh sb="3" eb="6">
      <t>ネンガッピ</t>
    </rPh>
    <phoneticPr fontId="5"/>
  </si>
  <si>
    <t>施行箇所又は設置場所</t>
    <rPh sb="0" eb="2">
      <t>セコウ</t>
    </rPh>
    <rPh sb="2" eb="4">
      <t>カショ</t>
    </rPh>
    <rPh sb="4" eb="5">
      <t>マタ</t>
    </rPh>
    <rPh sb="6" eb="8">
      <t>セッチ</t>
    </rPh>
    <rPh sb="8" eb="10">
      <t>バショ</t>
    </rPh>
    <phoneticPr fontId="5"/>
  </si>
  <si>
    <t>工種・構造施行区分</t>
    <rPh sb="0" eb="1">
      <t>コウ</t>
    </rPh>
    <rPh sb="1" eb="2">
      <t>シュ</t>
    </rPh>
    <rPh sb="3" eb="5">
      <t>コウゾウ</t>
    </rPh>
    <rPh sb="5" eb="7">
      <t>セコウ</t>
    </rPh>
    <rPh sb="7" eb="9">
      <t>クブン</t>
    </rPh>
    <phoneticPr fontId="5"/>
  </si>
  <si>
    <t>事業種目</t>
    <rPh sb="0" eb="2">
      <t>ジギョウ</t>
    </rPh>
    <rPh sb="2" eb="4">
      <t>シュモク</t>
    </rPh>
    <phoneticPr fontId="5"/>
  </si>
  <si>
    <t>事業種類</t>
    <rPh sb="0" eb="2">
      <t>ジギョウ</t>
    </rPh>
    <rPh sb="2" eb="4">
      <t>シュルイ</t>
    </rPh>
    <phoneticPr fontId="5"/>
  </si>
  <si>
    <t>小計</t>
    <rPh sb="0" eb="2">
      <t>ショウケイ</t>
    </rPh>
    <phoneticPr fontId="5"/>
  </si>
  <si>
    <t>合計</t>
    <rPh sb="0" eb="2">
      <t>ゴウケイ</t>
    </rPh>
    <phoneticPr fontId="5"/>
  </si>
  <si>
    <t>耐用
年数</t>
    <rPh sb="0" eb="2">
      <t>タイヨウ</t>
    </rPh>
    <rPh sb="3" eb="5">
      <t>ネンスウ</t>
    </rPh>
    <phoneticPr fontId="5"/>
  </si>
  <si>
    <t>注）１ 処分制限年月日欄には、処分制限の終期を記入すること。</t>
    <phoneticPr fontId="5"/>
  </si>
  <si>
    <t>　　３ 摘要欄には、譲渡先、交換先、貸付け先及び抵当権等の設定権者の名称又は補助金返還額を記入すること。</t>
    <phoneticPr fontId="5"/>
  </si>
  <si>
    <t>　　４ この様式により難い場合には、処分制限期間欄及び処分の状況欄を含む他の書式をもって財産管理台帳に代えることができる。</t>
    <phoneticPr fontId="5"/>
  </si>
  <si>
    <t>工　期</t>
    <rPh sb="0" eb="1">
      <t>コウ</t>
    </rPh>
    <rPh sb="2" eb="3">
      <t>キ</t>
    </rPh>
    <phoneticPr fontId="5"/>
  </si>
  <si>
    <t>事　業　の　内　容</t>
    <rPh sb="0" eb="1">
      <t>コト</t>
    </rPh>
    <rPh sb="2" eb="3">
      <t>ギョウ</t>
    </rPh>
    <rPh sb="6" eb="7">
      <t>ウチ</t>
    </rPh>
    <rPh sb="8" eb="9">
      <t>カタチ</t>
    </rPh>
    <phoneticPr fontId="5"/>
  </si>
  <si>
    <t>経　費　の　配　分</t>
    <rPh sb="0" eb="1">
      <t>キョウ</t>
    </rPh>
    <rPh sb="2" eb="3">
      <t>ヒ</t>
    </rPh>
    <rPh sb="6" eb="7">
      <t>ハイ</t>
    </rPh>
    <rPh sb="8" eb="9">
      <t>ブン</t>
    </rPh>
    <phoneticPr fontId="5"/>
  </si>
  <si>
    <t>（第７号様式）</t>
    <phoneticPr fontId="5"/>
  </si>
  <si>
    <t>財　　　　　　　　産　　　　　　　　管　　　　　　　　理　　　　　　　　台　　　　　　　　帳</t>
    <phoneticPr fontId="5"/>
  </si>
  <si>
    <t>事業実施主体名</t>
    <rPh sb="0" eb="2">
      <t>ジギョウ</t>
    </rPh>
    <rPh sb="2" eb="4">
      <t>ジッシ</t>
    </rPh>
    <rPh sb="4" eb="6">
      <t>シュタイ</t>
    </rPh>
    <rPh sb="6" eb="7">
      <t>メイ</t>
    </rPh>
    <phoneticPr fontId="5"/>
  </si>
  <si>
    <t>１　事業実施主体の概要及び活動状況</t>
    <rPh sb="2" eb="4">
      <t>ジギョウ</t>
    </rPh>
    <rPh sb="4" eb="6">
      <t>ジッシ</t>
    </rPh>
    <rPh sb="6" eb="8">
      <t>シュタイ</t>
    </rPh>
    <rPh sb="9" eb="11">
      <t>ガイヨウ</t>
    </rPh>
    <rPh sb="11" eb="12">
      <t>オヨ</t>
    </rPh>
    <rPh sb="13" eb="15">
      <t>カツドウ</t>
    </rPh>
    <rPh sb="15" eb="17">
      <t>ジョウキョウ</t>
    </rPh>
    <phoneticPr fontId="5"/>
  </si>
  <si>
    <t>　　　　（事業実施主体が、営農集団の場合で施設又は、機械を導入する事業を実施する場合に作成する。）</t>
    <phoneticPr fontId="5"/>
  </si>
  <si>
    <t>（事業実施主体の今後の活動については、「規約」等を添付することにより、記載を省略できる。）</t>
    <phoneticPr fontId="5"/>
  </si>
  <si>
    <t>施設又は機械の利用料金の設定等についての考え方</t>
    <phoneticPr fontId="5"/>
  </si>
  <si>
    <t>　　　　（注）「組織の経理を担当する者の人数」は、最低１名は選任するようにする。</t>
    <phoneticPr fontId="5"/>
  </si>
  <si>
    <t>うち担い手の人数</t>
    <rPh sb="2" eb="3">
      <t>ニナ</t>
    </rPh>
    <rPh sb="4" eb="5">
      <t>テ</t>
    </rPh>
    <rPh sb="6" eb="8">
      <t>ニンズウ</t>
    </rPh>
    <phoneticPr fontId="5"/>
  </si>
  <si>
    <t>（１）事業実施主体の概要</t>
    <phoneticPr fontId="5"/>
  </si>
  <si>
    <t>事業実施主体 の 構成人数  ：</t>
    <phoneticPr fontId="5"/>
  </si>
  <si>
    <t>組織の経理を担当する者の人数：</t>
    <phoneticPr fontId="5"/>
  </si>
  <si>
    <t xml:space="preserve">（２）事業実施主体の活動状況
</t>
    <phoneticPr fontId="5"/>
  </si>
  <si>
    <t>事業実施主体の今後の活動　：</t>
    <phoneticPr fontId="5"/>
  </si>
  <si>
    <t>（事業実施年度までの活動も併せて記載する。）</t>
    <phoneticPr fontId="5"/>
  </si>
  <si>
    <t>事　業　実　施　主　体　名：</t>
    <phoneticPr fontId="5"/>
  </si>
  <si>
    <t>事業実施主体の設立年、月：</t>
    <phoneticPr fontId="5"/>
  </si>
  <si>
    <t>（ア）既存の機械・施設の利用状況</t>
    <phoneticPr fontId="5"/>
  </si>
  <si>
    <t>実施年度</t>
    <rPh sb="0" eb="2">
      <t>ジッシ</t>
    </rPh>
    <rPh sb="2" eb="4">
      <t>ネンド</t>
    </rPh>
    <phoneticPr fontId="5"/>
  </si>
  <si>
    <t>事業等名</t>
    <rPh sb="0" eb="2">
      <t>ジギョウ</t>
    </rPh>
    <rPh sb="2" eb="3">
      <t>トウ</t>
    </rPh>
    <rPh sb="3" eb="4">
      <t>メイ</t>
    </rPh>
    <phoneticPr fontId="5"/>
  </si>
  <si>
    <t>作目及び作物名</t>
    <rPh sb="0" eb="2">
      <t>サクモク</t>
    </rPh>
    <rPh sb="2" eb="3">
      <t>オヨ</t>
    </rPh>
    <rPh sb="4" eb="6">
      <t>サクモツ</t>
    </rPh>
    <rPh sb="6" eb="7">
      <t>メイ</t>
    </rPh>
    <phoneticPr fontId="5"/>
  </si>
  <si>
    <t>利用期間</t>
    <rPh sb="0" eb="2">
      <t>リヨウ</t>
    </rPh>
    <rPh sb="2" eb="4">
      <t>キカン</t>
    </rPh>
    <phoneticPr fontId="5"/>
  </si>
  <si>
    <t>現在</t>
    <rPh sb="0" eb="2">
      <t>ゲンザイ</t>
    </rPh>
    <phoneticPr fontId="5"/>
  </si>
  <si>
    <t>目標</t>
    <rPh sb="0" eb="2">
      <t>モクヒョウ</t>
    </rPh>
    <phoneticPr fontId="5"/>
  </si>
  <si>
    <t>利用日数</t>
    <rPh sb="0" eb="2">
      <t>リヨウ</t>
    </rPh>
    <rPh sb="2" eb="4">
      <t>ニッスウ</t>
    </rPh>
    <phoneticPr fontId="5"/>
  </si>
  <si>
    <t>月別利用計画</t>
    <rPh sb="0" eb="2">
      <t>ツキベツ</t>
    </rPh>
    <rPh sb="2" eb="4">
      <t>リヨウ</t>
    </rPh>
    <rPh sb="4" eb="6">
      <t>ケイカク</t>
    </rPh>
    <phoneticPr fontId="5"/>
  </si>
  <si>
    <t>４月</t>
    <rPh sb="1" eb="2">
      <t>ガツ</t>
    </rPh>
    <phoneticPr fontId="5"/>
  </si>
  <si>
    <t>５月</t>
    <rPh sb="1" eb="2">
      <t>ガツ</t>
    </rPh>
    <phoneticPr fontId="5"/>
  </si>
  <si>
    <t>６月</t>
  </si>
  <si>
    <t>７月</t>
  </si>
  <si>
    <t>８月</t>
  </si>
  <si>
    <t>９月</t>
  </si>
  <si>
    <t>１月</t>
  </si>
  <si>
    <t>２月</t>
  </si>
  <si>
    <t>３月</t>
  </si>
  <si>
    <t>年間処理・生産量</t>
    <rPh sb="0" eb="2">
      <t>ネンカン</t>
    </rPh>
    <rPh sb="2" eb="4">
      <t>ショリ</t>
    </rPh>
    <rPh sb="5" eb="8">
      <t>セイサンリョウ</t>
    </rPh>
    <phoneticPr fontId="5"/>
  </si>
  <si>
    <t>10月</t>
    <phoneticPr fontId="5"/>
  </si>
  <si>
    <t>11月</t>
  </si>
  <si>
    <t>12月</t>
  </si>
  <si>
    <t>事業の内容
（機械・施設等）</t>
    <rPh sb="0" eb="2">
      <t>ジギョウ</t>
    </rPh>
    <rPh sb="3" eb="5">
      <t>ナイヨウ</t>
    </rPh>
    <rPh sb="7" eb="9">
      <t>キカイ</t>
    </rPh>
    <rPh sb="10" eb="12">
      <t>シセツ</t>
    </rPh>
    <rPh sb="12" eb="13">
      <t>トウ</t>
    </rPh>
    <phoneticPr fontId="5"/>
  </si>
  <si>
    <t>受益農家戸数</t>
    <rPh sb="0" eb="2">
      <t>ジュエキ</t>
    </rPh>
    <rPh sb="2" eb="4">
      <t>ノウカ</t>
    </rPh>
    <rPh sb="4" eb="6">
      <t>コスウ</t>
    </rPh>
    <phoneticPr fontId="5"/>
  </si>
  <si>
    <t>受益面積
処理量
（ha、ｔ）</t>
    <rPh sb="0" eb="2">
      <t>ジュエキ</t>
    </rPh>
    <rPh sb="2" eb="4">
      <t>メンセキ</t>
    </rPh>
    <rPh sb="5" eb="8">
      <t>ショリリョウ</t>
    </rPh>
    <phoneticPr fontId="5"/>
  </si>
  <si>
    <t>規模・能力</t>
    <rPh sb="0" eb="2">
      <t>キボ</t>
    </rPh>
    <rPh sb="3" eb="5">
      <t>ノウリョク</t>
    </rPh>
    <phoneticPr fontId="5"/>
  </si>
  <si>
    <t>仕様</t>
    <rPh sb="0" eb="2">
      <t>シヨウ</t>
    </rPh>
    <phoneticPr fontId="5"/>
  </si>
  <si>
    <t>利用の状況に関する説明</t>
    <rPh sb="0" eb="2">
      <t>リヨウ</t>
    </rPh>
    <rPh sb="3" eb="5">
      <t>ジョウキョウ</t>
    </rPh>
    <rPh sb="6" eb="7">
      <t>カン</t>
    </rPh>
    <rPh sb="9" eb="11">
      <t>セツメイ</t>
    </rPh>
    <phoneticPr fontId="5"/>
  </si>
  <si>
    <t>利用率（％）</t>
    <rPh sb="0" eb="3">
      <t>リヨウリツ</t>
    </rPh>
    <phoneticPr fontId="5"/>
  </si>
  <si>
    <t>１　整備しようとする機械・施設に関連する既存施設・機械について記入する。</t>
    <phoneticPr fontId="5"/>
  </si>
  <si>
    <t>２　「事業等名」の欄には、具体的な事業名、資金名、自費等を記載する。</t>
    <phoneticPr fontId="5"/>
  </si>
  <si>
    <t>３　「利用率」の欄は計画時点の処理量に対する現況処理量で表す。</t>
    <phoneticPr fontId="5"/>
  </si>
  <si>
    <t>４　「利用の状況に関する説明」の欄には、既存の施設・機械がありながら導入する理由を簡潔に記述する。（利用率＝実際の使用÷計画目標）</t>
    <phoneticPr fontId="5"/>
  </si>
  <si>
    <t>５　施設整備においては、既存施設と新設施設の関係について概念図を添付する。</t>
    <phoneticPr fontId="5"/>
  </si>
  <si>
    <t xml:space="preserve"> （注）</t>
    <phoneticPr fontId="5"/>
  </si>
  <si>
    <t>（イ）機械・施設の利用計画</t>
    <phoneticPr fontId="5"/>
  </si>
  <si>
    <t>ａ　機械・施設利用計画</t>
    <phoneticPr fontId="5"/>
  </si>
  <si>
    <t>　月　旬
～　月</t>
    <rPh sb="1" eb="2">
      <t>ガツ</t>
    </rPh>
    <rPh sb="3" eb="4">
      <t>ジュン</t>
    </rPh>
    <rPh sb="7" eb="8">
      <t>ガツ</t>
    </rPh>
    <phoneticPr fontId="5"/>
  </si>
  <si>
    <t>施設・
機械名</t>
    <rPh sb="0" eb="2">
      <t>シセツ</t>
    </rPh>
    <rPh sb="4" eb="6">
      <t>キカイ</t>
    </rPh>
    <rPh sb="6" eb="7">
      <t>メイ</t>
    </rPh>
    <phoneticPr fontId="5"/>
  </si>
  <si>
    <t>月別利用計画の欄については以下の点に留意し、記載する。</t>
    <phoneticPr fontId="5"/>
  </si>
  <si>
    <t>１　共同利用施設について、</t>
    <phoneticPr fontId="5"/>
  </si>
  <si>
    <t>（１）農業廃棄物処理施設については、原則としてその処理量（ｔもしくはkg）を記載する。</t>
    <phoneticPr fontId="5"/>
  </si>
  <si>
    <t>（３）食品循環資源高度化利用施設、産地管理施設、農産物被害防止施設、生産技術高度化施設については、その内容に応じた客観的指標（単位は任意）もしくは具体的内容（作業体系）を記述する。</t>
    <phoneticPr fontId="5"/>
  </si>
  <si>
    <t>２　共同利用機械については、利用面積もしくは稼働面積（ha）を記入し、必要に応じて、作業体系図等を添付する。</t>
    <phoneticPr fontId="5"/>
  </si>
  <si>
    <t>（注）</t>
  </si>
  <si>
    <t>ｂ　機械利用計画（機械導入の際には以下も記入する。）</t>
    <phoneticPr fontId="5"/>
  </si>
  <si>
    <t>区分</t>
    <rPh sb="0" eb="2">
      <t>クブン</t>
    </rPh>
    <phoneticPr fontId="5"/>
  </si>
  <si>
    <t>既存</t>
    <rPh sb="0" eb="2">
      <t>キソン</t>
    </rPh>
    <phoneticPr fontId="5"/>
  </si>
  <si>
    <t>現在個人利用している機械</t>
    <rPh sb="0" eb="2">
      <t>ゲンザイ</t>
    </rPh>
    <rPh sb="2" eb="4">
      <t>コジン</t>
    </rPh>
    <rPh sb="4" eb="6">
      <t>リヨウ</t>
    </rPh>
    <rPh sb="10" eb="12">
      <t>キカイ</t>
    </rPh>
    <phoneticPr fontId="5"/>
  </si>
  <si>
    <t>現在共同利用している機械</t>
    <rPh sb="0" eb="2">
      <t>ゲンザイ</t>
    </rPh>
    <rPh sb="2" eb="4">
      <t>キョウドウ</t>
    </rPh>
    <rPh sb="4" eb="6">
      <t>リヨウ</t>
    </rPh>
    <rPh sb="10" eb="12">
      <t>キカイ</t>
    </rPh>
    <phoneticPr fontId="5"/>
  </si>
  <si>
    <t>現在組織的利用を行っている機械</t>
    <rPh sb="0" eb="2">
      <t>ゲンザイ</t>
    </rPh>
    <rPh sb="2" eb="5">
      <t>ソシキテキ</t>
    </rPh>
    <rPh sb="5" eb="7">
      <t>リヨウ</t>
    </rPh>
    <rPh sb="8" eb="9">
      <t>オコナ</t>
    </rPh>
    <rPh sb="13" eb="15">
      <t>キカイ</t>
    </rPh>
    <phoneticPr fontId="5"/>
  </si>
  <si>
    <t>本事業で導入する機械</t>
    <rPh sb="0" eb="1">
      <t>ホン</t>
    </rPh>
    <rPh sb="1" eb="3">
      <t>ジギョウ</t>
    </rPh>
    <rPh sb="4" eb="6">
      <t>ドウニュウ</t>
    </rPh>
    <rPh sb="8" eb="10">
      <t>キカイ</t>
    </rPh>
    <phoneticPr fontId="5"/>
  </si>
  <si>
    <t>台数</t>
    <rPh sb="0" eb="2">
      <t>ダイスウ</t>
    </rPh>
    <phoneticPr fontId="5"/>
  </si>
  <si>
    <t>規格
能力</t>
    <rPh sb="0" eb="2">
      <t>キカク</t>
    </rPh>
    <rPh sb="3" eb="5">
      <t>ノウリョク</t>
    </rPh>
    <phoneticPr fontId="5"/>
  </si>
  <si>
    <t>規格能力別台数（現在）</t>
    <rPh sb="0" eb="2">
      <t>キカク</t>
    </rPh>
    <rPh sb="2" eb="4">
      <t>ノウリョク</t>
    </rPh>
    <rPh sb="4" eb="5">
      <t>ベツ</t>
    </rPh>
    <rPh sb="5" eb="7">
      <t>ダイスウ</t>
    </rPh>
    <rPh sb="8" eb="10">
      <t>ゲンザイ</t>
    </rPh>
    <phoneticPr fontId="5"/>
  </si>
  <si>
    <t>左のうち目標年次に利用可能な台数</t>
    <rPh sb="0" eb="1">
      <t>ヒダリ</t>
    </rPh>
    <rPh sb="4" eb="6">
      <t>モクヒョウ</t>
    </rPh>
    <rPh sb="6" eb="8">
      <t>ネンジ</t>
    </rPh>
    <rPh sb="9" eb="11">
      <t>リヨウ</t>
    </rPh>
    <rPh sb="11" eb="13">
      <t>カノウ</t>
    </rPh>
    <rPh sb="14" eb="16">
      <t>ダイスウ</t>
    </rPh>
    <phoneticPr fontId="5"/>
  </si>
  <si>
    <t>利用面積</t>
    <rPh sb="0" eb="2">
      <t>リヨウ</t>
    </rPh>
    <rPh sb="2" eb="4">
      <t>メンセキ</t>
    </rPh>
    <phoneticPr fontId="5"/>
  </si>
  <si>
    <t>オペレータの戸数</t>
    <rPh sb="6" eb="8">
      <t>コスウ</t>
    </rPh>
    <phoneticPr fontId="5"/>
  </si>
  <si>
    <t>共同利用機械</t>
    <rPh sb="0" eb="2">
      <t>キョウドウ</t>
    </rPh>
    <rPh sb="2" eb="4">
      <t>リヨウ</t>
    </rPh>
    <rPh sb="4" eb="6">
      <t>キカイ</t>
    </rPh>
    <phoneticPr fontId="5"/>
  </si>
  <si>
    <t>うち組織的利用可能な機械</t>
    <rPh sb="2" eb="5">
      <t>ソシキテキ</t>
    </rPh>
    <rPh sb="5" eb="7">
      <t>リヨウ</t>
    </rPh>
    <rPh sb="7" eb="9">
      <t>カノウ</t>
    </rPh>
    <rPh sb="10" eb="12">
      <t>キカイ</t>
    </rPh>
    <phoneticPr fontId="5"/>
  </si>
  <si>
    <t>個人利用に係る機械</t>
    <rPh sb="0" eb="2">
      <t>コジン</t>
    </rPh>
    <rPh sb="2" eb="4">
      <t>リヨウ</t>
    </rPh>
    <rPh sb="5" eb="6">
      <t>カカ</t>
    </rPh>
    <rPh sb="7" eb="9">
      <t>キカイ</t>
    </rPh>
    <phoneticPr fontId="5"/>
  </si>
  <si>
    <t>該当機械の地区受益面積</t>
    <phoneticPr fontId="5"/>
  </si>
  <si>
    <t>　　　ps</t>
    <phoneticPr fontId="5"/>
  </si>
  <si>
    <t>　ps</t>
    <phoneticPr fontId="5"/>
  </si>
  <si>
    <t>　　台</t>
    <rPh sb="2" eb="3">
      <t>ダイ</t>
    </rPh>
    <phoneticPr fontId="5"/>
  </si>
  <si>
    <t>　　　　ha</t>
    <phoneticPr fontId="5"/>
  </si>
  <si>
    <t>　　ha</t>
    <phoneticPr fontId="5"/>
  </si>
  <si>
    <t>　　戸</t>
    <rPh sb="2" eb="3">
      <t>コ</t>
    </rPh>
    <phoneticPr fontId="5"/>
  </si>
  <si>
    <t>（　　）</t>
    <phoneticPr fontId="5"/>
  </si>
  <si>
    <t>合　計</t>
    <rPh sb="0" eb="1">
      <t>ゴウ</t>
    </rPh>
    <rPh sb="2" eb="3">
      <t>ケイ</t>
    </rPh>
    <phoneticPr fontId="5"/>
  </si>
  <si>
    <t>－</t>
  </si>
  <si>
    <t>－</t>
    <phoneticPr fontId="5"/>
  </si>
  <si>
    <t>機械名・
事業対象作目名</t>
    <rPh sb="0" eb="2">
      <t>キカイ</t>
    </rPh>
    <rPh sb="2" eb="3">
      <t>メイ</t>
    </rPh>
    <rPh sb="5" eb="7">
      <t>ジギョウ</t>
    </rPh>
    <rPh sb="7" eb="9">
      <t>タイショウ</t>
    </rPh>
    <rPh sb="9" eb="11">
      <t>サクモク</t>
    </rPh>
    <rPh sb="11" eb="12">
      <t>メイ</t>
    </rPh>
    <phoneticPr fontId="5"/>
  </si>
  <si>
    <t>１　新たに本事業で機械を導入する事業実施地区について、同種で現在利用可能な機械（耐用年数の経過していないもの）のすべてについて、利用する作物ごとに又は集団ごとに記入する。（なお、土壌土層改良機械については作物ごとに分ける必要はない。）</t>
    <phoneticPr fontId="5"/>
  </si>
  <si>
    <t>２  規格・能力別に段を分けて記入する。</t>
    <phoneticPr fontId="5"/>
  </si>
  <si>
    <t>３  「左のうち目標年次利用可能な台数」の欄は、２で記入した台数のうち、事業の目標年次までに耐用年数の切れる台数及び処分する台数を除いた値を記入する。</t>
    <phoneticPr fontId="5"/>
  </si>
  <si>
    <t>４  「共同利用機械」の欄は、当該機械の所有形態が共有又は組織有であり、複数の農家で利用するものを記入する。</t>
    <phoneticPr fontId="5"/>
  </si>
  <si>
    <t>５  「組織的利用可能な機械」の欄は、当該機械の所有が組織有であり、ｵﾍﾟﾚｰﾀｰ又は中核的農家等が主として作業受委託を行い、利用することが可能なものを記入する。</t>
    <phoneticPr fontId="5"/>
  </si>
  <si>
    <t>６  「利用面積」の欄は、１台当たりの稼働能力（面積）×台数により記入すること。この場合、１台当たりの稼働能力（面積）は、原則として都道府県の高性能農業機械導入計画を下回らないものとする。</t>
    <phoneticPr fontId="5"/>
  </si>
  <si>
    <t>７  「ｵﾍﾟﾚｰﾀｰの戸数」の欄は、当該機械の効率的利用の観点から、本事業導入年次における地区のｵﾍﾟﾚｰﾀｰの確保状況を機械の利用区分ごとに記入する。</t>
    <phoneticPr fontId="5"/>
  </si>
  <si>
    <t>（２）有機物処理・利用等施設、飼料化施設。粗飼料調製貯蔵施設、用土等供給施設については原料供給量(ｔもしくはkg)及び生産量(ｔもしくはkg)を併記する。また、有機物処理・利用等供給施設については、備考欄に発酵方法、堆積期間等について記載する</t>
    <phoneticPr fontId="5"/>
  </si>
  <si>
    <t>　２　機械・施設の整備状況及び利用計画（又は実績）</t>
    <phoneticPr fontId="5"/>
  </si>
  <si>
    <t xml:space="preserve">  ３　機械・施設の施行方法の計画（又は実績）</t>
    <phoneticPr fontId="5"/>
  </si>
  <si>
    <t>施行方法予定名</t>
    <rPh sb="0" eb="2">
      <t>セコウ</t>
    </rPh>
    <rPh sb="2" eb="4">
      <t>ホウホウ</t>
    </rPh>
    <rPh sb="4" eb="6">
      <t>ヨテイ</t>
    </rPh>
    <rPh sb="6" eb="7">
      <t>メイ</t>
    </rPh>
    <phoneticPr fontId="5"/>
  </si>
  <si>
    <t>施行計画における該当項目</t>
    <rPh sb="0" eb="2">
      <t>セコウ</t>
    </rPh>
    <rPh sb="2" eb="4">
      <t>ケイカク</t>
    </rPh>
    <rPh sb="8" eb="10">
      <t>ガイトウ</t>
    </rPh>
    <rPh sb="10" eb="12">
      <t>コウモク</t>
    </rPh>
    <phoneticPr fontId="5"/>
  </si>
  <si>
    <t>　　　　　　　　　　　　　　　　　　　　　　　　　　　　　　　　（　　　　　　　　　　　　　）</t>
    <phoneticPr fontId="5"/>
  </si>
  <si>
    <t>１　施行方法予定名の欄は、「直営施行」、「請負施行」、「委託施行」、「系統施行」のいずれかを記入する。</t>
    <phoneticPr fontId="5"/>
  </si>
  <si>
    <t>２  施行計画における該当項目の欄は、直営施行又は請負施行で行う場合、その入札方法として「一般競争入札」、「指名競争入札」、「随意契　　　　　　　　　　　　約」のいずれかを記入し、随意契約の場合はその理由を（　　）に記入する。</t>
    <phoneticPr fontId="5"/>
  </si>
  <si>
    <t>　４　不動産取得税及び固定資産税の課税標準の特例措置の活用見込み</t>
    <phoneticPr fontId="5"/>
  </si>
  <si>
    <t>課税標準の特例措置の活用見込み</t>
    <phoneticPr fontId="5"/>
  </si>
  <si>
    <t>不動産取得税</t>
    <phoneticPr fontId="5"/>
  </si>
  <si>
    <t>固定資産税</t>
  </si>
  <si>
    <t xml:space="preserve">１　活用する見込みのものを「○」で囲むものとする。 </t>
    <phoneticPr fontId="5"/>
  </si>
  <si>
    <t>２　不動産取得税の課税標準の特例措置とは地方税法附則第１１条１項の特例措置であり、農業協同組合、農業協同組合連合会及び農事組合法人等が政府の補助を受けて取得した農林漁業経営の近代化又は合理化のための農林漁業者の共同利用に供する保管、生産及び加工の用に供する施設が対象である。</t>
    <phoneticPr fontId="5"/>
  </si>
  <si>
    <t>３　固定資産税の課税標準の特例措置とは地方税法第３４９条の３第４項の特例措置であり、農業協同組合、農業協同組合連合会、農事組合法人等が５００万円以上の政府の補助を受けて取得した農林漁業者の共同利用に供する機械及び装置で1台又は1基の取得価額が２９０万円以上のものが対象である。</t>
    <phoneticPr fontId="5"/>
  </si>
  <si>
    <t xml:space="preserve">  ５　各種制度資金の利用計画（又は実績）</t>
  </si>
  <si>
    <t>１．農業近代化資金</t>
    <phoneticPr fontId="5"/>
  </si>
  <si>
    <t>３．その他資金名（具体的な資金　　　　　　　　　）</t>
    <phoneticPr fontId="5"/>
  </si>
  <si>
    <t xml:space="preserve">２．農林漁業金融公庫資金  </t>
    <phoneticPr fontId="5"/>
  </si>
  <si>
    <t>借入資金額</t>
    <phoneticPr fontId="5"/>
  </si>
  <si>
    <t>千円</t>
    <rPh sb="0" eb="2">
      <t>センエン</t>
    </rPh>
    <phoneticPr fontId="5"/>
  </si>
  <si>
    <t>国の補助及び都道府県、市町村の負担を除く事業実施主体の負担において、借入計画がある場合は資金別に記入する。</t>
    <phoneticPr fontId="5"/>
  </si>
  <si>
    <t>　６　添付資料</t>
    <phoneticPr fontId="5"/>
  </si>
  <si>
    <t xml:space="preserve"> (ア)　事業実施地区の位置図</t>
    <phoneticPr fontId="5"/>
  </si>
  <si>
    <t>（イ） 機械・施設の規模決定根拠</t>
    <phoneticPr fontId="5"/>
  </si>
  <si>
    <t>（オ） 事業実施前、実施後比較フロー図</t>
    <phoneticPr fontId="5"/>
  </si>
  <si>
    <t xml:space="preserve"> (ウ)　機械・施設等の配置図、平面図、事業費の積算（概略設計）、見積書、導入機械施設のカタログ</t>
    <phoneticPr fontId="5"/>
  </si>
  <si>
    <t xml:space="preserve"> (エ)　管理運営規定等</t>
    <phoneticPr fontId="5"/>
  </si>
  <si>
    <t>第１号様式（別記様式Ｂ）（条件整備事業）</t>
    <rPh sb="0" eb="1">
      <t>ダイ</t>
    </rPh>
    <rPh sb="2" eb="3">
      <t>ゴウ</t>
    </rPh>
    <rPh sb="3" eb="5">
      <t>ヨウシキ</t>
    </rPh>
    <rPh sb="6" eb="8">
      <t>ベッキ</t>
    </rPh>
    <rPh sb="8" eb="10">
      <t>ヨウシキ</t>
    </rPh>
    <rPh sb="13" eb="15">
      <t>ジョウケン</t>
    </rPh>
    <rPh sb="15" eb="17">
      <t>セイビ</t>
    </rPh>
    <rPh sb="17" eb="19">
      <t>ジギョウ</t>
    </rPh>
    <phoneticPr fontId="5"/>
  </si>
  <si>
    <t>　　２ 処分の内容欄には、譲渡、交換、貸付け、担保提供等別に記入すること。</t>
    <phoneticPr fontId="5"/>
  </si>
  <si>
    <t>　　　　年　　月　　日</t>
    <rPh sb="4" eb="11">
      <t>ネンガッピ</t>
    </rPh>
    <phoneticPr fontId="3"/>
  </si>
  <si>
    <t>自　　　　年　　月　　日　至　　　　年　　月　　日</t>
    <rPh sb="0" eb="1">
      <t>ジ</t>
    </rPh>
    <rPh sb="5" eb="12">
      <t>ネンガッピ</t>
    </rPh>
    <rPh sb="13" eb="14">
      <t>イタ</t>
    </rPh>
    <rPh sb="18" eb="25">
      <t>ネンガッピ</t>
    </rPh>
    <phoneticPr fontId="3"/>
  </si>
  <si>
    <r>
      <rPr>
        <sz val="10"/>
        <color rgb="FFFF0000"/>
        <rFont val="ＭＳ 明朝"/>
        <family val="1"/>
        <charset val="128"/>
      </rPr>
      <t>　　　</t>
    </r>
    <r>
      <rPr>
        <sz val="10"/>
        <rFont val="ＭＳ 明朝"/>
        <family val="1"/>
        <charset val="128"/>
      </rPr>
      <t>　年　　月　　日</t>
    </r>
    <rPh sb="4" eb="11">
      <t>ネンガッピ</t>
    </rPh>
    <phoneticPr fontId="3"/>
  </si>
  <si>
    <t>事業実施年度　　　　　　　年度</t>
    <rPh sb="0" eb="2">
      <t>ジギョウ</t>
    </rPh>
    <rPh sb="2" eb="4">
      <t>ジッシ</t>
    </rPh>
    <rPh sb="4" eb="6">
      <t>ネンド</t>
    </rPh>
    <rPh sb="13" eb="14">
      <t>ネン</t>
    </rPh>
    <rPh sb="14" eb="15">
      <t>ド</t>
    </rPh>
    <phoneticPr fontId="5"/>
  </si>
  <si>
    <t>養豚</t>
    <rPh sb="0" eb="2">
      <t>ヨウトン</t>
    </rPh>
    <phoneticPr fontId="5"/>
  </si>
  <si>
    <t>養鶏</t>
    <rPh sb="0" eb="2">
      <t>ヨウケイ</t>
    </rPh>
    <phoneticPr fontId="5"/>
  </si>
  <si>
    <t>①配合飼料価格高騰支援事業</t>
    <rPh sb="1" eb="3">
      <t>ハイゴウ</t>
    </rPh>
    <rPh sb="3" eb="5">
      <t>シリョウ</t>
    </rPh>
    <rPh sb="5" eb="7">
      <t>カカク</t>
    </rPh>
    <rPh sb="7" eb="9">
      <t>コウトウ</t>
    </rPh>
    <rPh sb="9" eb="11">
      <t>シエン</t>
    </rPh>
    <rPh sb="11" eb="13">
      <t>ジギョウ</t>
    </rPh>
    <phoneticPr fontId="5"/>
  </si>
  <si>
    <t>家畜</t>
    <rPh sb="0" eb="2">
      <t>カチク</t>
    </rPh>
    <phoneticPr fontId="5"/>
  </si>
  <si>
    <t>乳用牛</t>
    <rPh sb="0" eb="3">
      <t>ニュウヨウギュウ</t>
    </rPh>
    <phoneticPr fontId="5"/>
  </si>
  <si>
    <t>肉用牛</t>
    <rPh sb="0" eb="3">
      <t>ニクヨウギュウ</t>
    </rPh>
    <phoneticPr fontId="5"/>
  </si>
  <si>
    <t>②輸入乾牧草価格高騰支援事業</t>
    <rPh sb="1" eb="3">
      <t>ユニュウ</t>
    </rPh>
    <rPh sb="3" eb="4">
      <t>カン</t>
    </rPh>
    <rPh sb="4" eb="6">
      <t>ボクソウ</t>
    </rPh>
    <rPh sb="6" eb="8">
      <t>カカク</t>
    </rPh>
    <rPh sb="8" eb="10">
      <t>コウトウ</t>
    </rPh>
    <rPh sb="10" eb="12">
      <t>シエン</t>
    </rPh>
    <rPh sb="12" eb="14">
      <t>ジギョウ</t>
    </rPh>
    <phoneticPr fontId="5"/>
  </si>
  <si>
    <t>金額
（円）</t>
    <rPh sb="0" eb="2">
      <t>キンガク</t>
    </rPh>
    <rPh sb="4" eb="5">
      <t>エン</t>
    </rPh>
    <phoneticPr fontId="5"/>
  </si>
  <si>
    <t>補助対象
事業費（円）</t>
    <rPh sb="0" eb="2">
      <t>ホジョ</t>
    </rPh>
    <rPh sb="2" eb="4">
      <t>タイショウ</t>
    </rPh>
    <rPh sb="5" eb="7">
      <t>ジギョウ</t>
    </rPh>
    <rPh sb="7" eb="8">
      <t>ヒ</t>
    </rPh>
    <rPh sb="9" eb="10">
      <t>エン</t>
    </rPh>
    <phoneticPr fontId="5"/>
  </si>
  <si>
    <t>県補助金
（円）</t>
    <rPh sb="0" eb="1">
      <t>ケン</t>
    </rPh>
    <rPh sb="1" eb="4">
      <t>ホジョキン</t>
    </rPh>
    <rPh sb="6" eb="7">
      <t>エン</t>
    </rPh>
    <phoneticPr fontId="5"/>
  </si>
  <si>
    <t>その他
（円）</t>
    <rPh sb="2" eb="3">
      <t>タ</t>
    </rPh>
    <rPh sb="5" eb="6">
      <t>エン</t>
    </rPh>
    <phoneticPr fontId="5"/>
  </si>
  <si>
    <t>単価
（円）</t>
    <rPh sb="0" eb="2">
      <t>タンカ</t>
    </rPh>
    <rPh sb="4" eb="5">
      <t>エン</t>
    </rPh>
    <phoneticPr fontId="5"/>
  </si>
  <si>
    <t>①＋②計</t>
    <rPh sb="3" eb="4">
      <t>ケイ</t>
    </rPh>
    <phoneticPr fontId="5"/>
  </si>
  <si>
    <t>（第１号様式、第３号様式　３ 経費の配分及び負担区分　計）</t>
    <rPh sb="7" eb="8">
      <t>ダイ</t>
    </rPh>
    <rPh sb="9" eb="10">
      <t>ゴウ</t>
    </rPh>
    <rPh sb="10" eb="12">
      <t>ヨウシキ</t>
    </rPh>
    <phoneticPr fontId="5"/>
  </si>
  <si>
    <r>
      <rPr>
        <sz val="18"/>
        <color theme="1"/>
        <rFont val="游明朝"/>
        <family val="1"/>
        <charset val="128"/>
      </rPr>
      <t>（令和７年度交付申請額及び実績報告額　算定シート）</t>
    </r>
    <r>
      <rPr>
        <sz val="16"/>
        <color theme="1"/>
        <rFont val="游明朝"/>
        <family val="1"/>
        <charset val="128"/>
      </rPr>
      <t>（用紙　日本産業規格Ａ４縦型）</t>
    </r>
    <rPh sb="1" eb="3">
      <t>レイワ</t>
    </rPh>
    <rPh sb="4" eb="6">
      <t>ネンド</t>
    </rPh>
    <rPh sb="6" eb="8">
      <t>コウフ</t>
    </rPh>
    <rPh sb="8" eb="10">
      <t>シンセイ</t>
    </rPh>
    <rPh sb="10" eb="11">
      <t>ガク</t>
    </rPh>
    <rPh sb="11" eb="12">
      <t>オヨ</t>
    </rPh>
    <rPh sb="13" eb="15">
      <t>ジッセキ</t>
    </rPh>
    <rPh sb="15" eb="17">
      <t>ホウコク</t>
    </rPh>
    <rPh sb="17" eb="18">
      <t>ガク</t>
    </rPh>
    <rPh sb="19" eb="21">
      <t>サンテイ</t>
    </rPh>
    <rPh sb="37" eb="38">
      <t>タテ</t>
    </rPh>
    <phoneticPr fontId="5"/>
  </si>
  <si>
    <t>（第１号様式、第３号様式　 ３ 経費の配分及び負担区分　①）</t>
    <rPh sb="7" eb="8">
      <t>ダイ</t>
    </rPh>
    <rPh sb="9" eb="10">
      <t>ゴウ</t>
    </rPh>
    <rPh sb="10" eb="12">
      <t>ヨウシキ</t>
    </rPh>
    <phoneticPr fontId="5"/>
  </si>
  <si>
    <t>頭羽数
(頭､羽)</t>
    <rPh sb="0" eb="1">
      <t>トウ</t>
    </rPh>
    <rPh sb="1" eb="2">
      <t>ハ</t>
    </rPh>
    <rPh sb="2" eb="3">
      <t>スウ</t>
    </rPh>
    <rPh sb="5" eb="6">
      <t>トウ</t>
    </rPh>
    <rPh sb="7" eb="8">
      <t>ハ</t>
    </rPh>
    <phoneticPr fontId="5"/>
  </si>
  <si>
    <t>（第１号様式、第３号様式　３ 経費の配分及び負担区分　②）</t>
    <rPh sb="7" eb="8">
      <t>ダイ</t>
    </rPh>
    <rPh sb="9" eb="10">
      <t>ゴウ</t>
    </rPh>
    <rPh sb="10" eb="12">
      <t>ヨウシキ</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0%"/>
    <numFmt numFmtId="177" formatCode="#,##0_);[Red]\(#,##0\)"/>
  </numFmts>
  <fonts count="18">
    <font>
      <sz val="12"/>
      <color theme="1"/>
      <name val="ＭＳ 明朝"/>
      <family val="2"/>
      <charset val="128"/>
    </font>
    <font>
      <sz val="11"/>
      <name val="ＭＳ 明朝"/>
      <family val="1"/>
      <charset val="128"/>
    </font>
    <font>
      <sz val="10"/>
      <name val="ＭＳ 明朝"/>
      <family val="1"/>
      <charset val="128"/>
    </font>
    <font>
      <sz val="6"/>
      <name val="ＭＳ Ｐ明朝"/>
      <family val="1"/>
      <charset val="128"/>
    </font>
    <font>
      <sz val="12"/>
      <name val="ＭＳ 明朝"/>
      <family val="1"/>
      <charset val="128"/>
    </font>
    <font>
      <sz val="6"/>
      <name val="ＭＳ 明朝"/>
      <family val="2"/>
      <charset val="128"/>
    </font>
    <font>
      <sz val="11"/>
      <name val="明朝"/>
      <family val="1"/>
      <charset val="128"/>
    </font>
    <font>
      <sz val="8"/>
      <name val="ＭＳ 明朝"/>
      <family val="1"/>
      <charset val="128"/>
    </font>
    <font>
      <sz val="9"/>
      <name val="ＭＳ 明朝"/>
      <family val="1"/>
      <charset val="128"/>
    </font>
    <font>
      <sz val="14"/>
      <name val="ＭＳ 明朝"/>
      <family val="1"/>
      <charset val="128"/>
    </font>
    <font>
      <sz val="14"/>
      <color theme="1"/>
      <name val="ＭＳ 明朝"/>
      <family val="2"/>
      <charset val="128"/>
    </font>
    <font>
      <b/>
      <sz val="12"/>
      <color theme="1"/>
      <name val="ＭＳ Ｐゴシック"/>
      <family val="3"/>
      <charset val="128"/>
      <scheme val="major"/>
    </font>
    <font>
      <b/>
      <sz val="12"/>
      <color theme="1"/>
      <name val="ＭＳ 明朝"/>
      <family val="1"/>
      <charset val="128"/>
    </font>
    <font>
      <sz val="10"/>
      <color rgb="FFFF0000"/>
      <name val="ＭＳ 明朝"/>
      <family val="1"/>
      <charset val="128"/>
    </font>
    <font>
      <sz val="18"/>
      <color theme="1"/>
      <name val="游明朝"/>
      <family val="1"/>
      <charset val="128"/>
    </font>
    <font>
      <sz val="16"/>
      <color theme="1"/>
      <name val="游明朝"/>
      <family val="1"/>
      <charset val="128"/>
    </font>
    <font>
      <sz val="14"/>
      <color theme="1"/>
      <name val="游明朝"/>
      <family val="1"/>
      <charset val="128"/>
    </font>
    <font>
      <sz val="10"/>
      <color rgb="FFFF0000"/>
      <name val="游明朝"/>
      <family val="1"/>
      <charset val="128"/>
    </font>
  </fonts>
  <fills count="3">
    <fill>
      <patternFill patternType="none"/>
    </fill>
    <fill>
      <patternFill patternType="gray125"/>
    </fill>
    <fill>
      <patternFill patternType="solid">
        <fgColor theme="0"/>
        <bgColor indexed="64"/>
      </patternFill>
    </fill>
  </fills>
  <borders count="16">
    <border>
      <left/>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bottom/>
      <diagonal/>
    </border>
    <border>
      <left/>
      <right/>
      <top style="thin">
        <color indexed="64"/>
      </top>
      <bottom/>
      <diagonal/>
    </border>
  </borders>
  <cellStyleXfs count="5">
    <xf numFmtId="0" fontId="0" fillId="0" borderId="0">
      <alignment vertical="center"/>
    </xf>
    <xf numFmtId="0" fontId="1" fillId="0" borderId="0"/>
    <xf numFmtId="0" fontId="6" fillId="0" borderId="0"/>
    <xf numFmtId="9" fontId="6" fillId="0" borderId="0" applyFont="0" applyFill="0" applyBorder="0" applyAlignment="0" applyProtection="0"/>
    <xf numFmtId="38" fontId="6" fillId="0" borderId="0" applyFont="0" applyFill="0" applyBorder="0" applyAlignment="0" applyProtection="0"/>
  </cellStyleXfs>
  <cellXfs count="217">
    <xf numFmtId="0" fontId="0" fillId="0" borderId="0" xfId="0">
      <alignment vertical="center"/>
    </xf>
    <xf numFmtId="0" fontId="1" fillId="0" borderId="0" xfId="1"/>
    <xf numFmtId="0" fontId="2" fillId="0" borderId="0" xfId="1" applyFont="1"/>
    <xf numFmtId="0" fontId="2" fillId="0" borderId="1" xfId="1" applyFont="1" applyBorder="1"/>
    <xf numFmtId="0" fontId="2" fillId="0" borderId="2" xfId="1" applyFont="1" applyBorder="1"/>
    <xf numFmtId="0" fontId="2" fillId="0" borderId="3" xfId="1" applyFont="1" applyBorder="1" applyAlignment="1">
      <alignment horizontal="center"/>
    </xf>
    <xf numFmtId="0" fontId="2" fillId="0" borderId="2" xfId="1" applyFont="1" applyBorder="1" applyAlignment="1">
      <alignment horizontal="center"/>
    </xf>
    <xf numFmtId="0" fontId="2" fillId="0" borderId="3" xfId="1" applyFont="1" applyBorder="1" applyAlignment="1">
      <alignment vertical="top"/>
    </xf>
    <xf numFmtId="0" fontId="2" fillId="0" borderId="4" xfId="1" applyFont="1" applyBorder="1" applyAlignment="1">
      <alignment vertical="top"/>
    </xf>
    <xf numFmtId="0" fontId="2" fillId="0" borderId="4" xfId="1" applyFont="1" applyBorder="1"/>
    <xf numFmtId="0" fontId="6" fillId="0" borderId="0" xfId="2"/>
    <xf numFmtId="0" fontId="1" fillId="0" borderId="0" xfId="2" applyFont="1"/>
    <xf numFmtId="0" fontId="1" fillId="0" borderId="0" xfId="2" applyFont="1" applyAlignment="1">
      <alignment horizontal="center"/>
    </xf>
    <xf numFmtId="0" fontId="1" fillId="0" borderId="0" xfId="2" applyFont="1" applyAlignment="1">
      <alignment horizontal="centerContinuous"/>
    </xf>
    <xf numFmtId="38" fontId="1" fillId="0" borderId="0" xfId="4" applyFont="1" applyAlignment="1">
      <alignment horizontal="centerContinuous"/>
    </xf>
    <xf numFmtId="0" fontId="1" fillId="0" borderId="8" xfId="2" applyFont="1" applyBorder="1" applyAlignment="1">
      <alignment horizontal="center"/>
    </xf>
    <xf numFmtId="0" fontId="1" fillId="0" borderId="3" xfId="2" applyFont="1" applyBorder="1" applyAlignment="1">
      <alignment horizontal="center"/>
    </xf>
    <xf numFmtId="0" fontId="1" fillId="0" borderId="9" xfId="2" applyFont="1" applyBorder="1" applyAlignment="1">
      <alignment horizontal="center"/>
    </xf>
    <xf numFmtId="0" fontId="1" fillId="0" borderId="5" xfId="2" applyFont="1" applyBorder="1" applyAlignment="1">
      <alignment horizontal="centerContinuous"/>
    </xf>
    <xf numFmtId="38" fontId="1" fillId="0" borderId="6" xfId="4" applyFont="1" applyBorder="1" applyAlignment="1">
      <alignment horizontal="centerContinuous"/>
    </xf>
    <xf numFmtId="38" fontId="1" fillId="0" borderId="7" xfId="4" applyFont="1" applyBorder="1" applyAlignment="1">
      <alignment horizontal="centerContinuous"/>
    </xf>
    <xf numFmtId="0" fontId="1" fillId="0" borderId="6" xfId="2" applyFont="1" applyBorder="1" applyAlignment="1">
      <alignment horizontal="centerContinuous"/>
    </xf>
    <xf numFmtId="0" fontId="1" fillId="0" borderId="7" xfId="2" applyFont="1" applyBorder="1" applyAlignment="1">
      <alignment horizontal="centerContinuous"/>
    </xf>
    <xf numFmtId="0" fontId="8" fillId="0" borderId="3" xfId="2" applyFont="1" applyBorder="1" applyAlignment="1">
      <alignment horizontal="center"/>
    </xf>
    <xf numFmtId="0" fontId="1" fillId="0" borderId="10" xfId="2" applyFont="1" applyBorder="1" applyAlignment="1">
      <alignment horizontal="center"/>
    </xf>
    <xf numFmtId="0" fontId="1" fillId="0" borderId="1" xfId="2" applyFont="1" applyBorder="1" applyAlignment="1">
      <alignment horizontal="center"/>
    </xf>
    <xf numFmtId="0" fontId="1" fillId="0" borderId="11" xfId="2" applyFont="1" applyBorder="1" applyAlignment="1">
      <alignment horizontal="center"/>
    </xf>
    <xf numFmtId="0" fontId="1" fillId="0" borderId="12" xfId="2" applyFont="1" applyBorder="1" applyAlignment="1">
      <alignment horizontal="center"/>
    </xf>
    <xf numFmtId="38" fontId="1" fillId="0" borderId="2" xfId="4" applyFont="1" applyBorder="1" applyAlignment="1">
      <alignment horizontal="center"/>
    </xf>
    <xf numFmtId="38" fontId="1" fillId="0" borderId="12" xfId="4" applyFont="1" applyBorder="1" applyAlignment="1">
      <alignment horizontal="center"/>
    </xf>
    <xf numFmtId="0" fontId="1" fillId="0" borderId="2" xfId="2" applyFont="1" applyBorder="1" applyAlignment="1">
      <alignment horizontal="center"/>
    </xf>
    <xf numFmtId="0" fontId="8" fillId="0" borderId="2" xfId="2" applyFont="1" applyBorder="1" applyAlignment="1">
      <alignment horizontal="center"/>
    </xf>
    <xf numFmtId="0" fontId="7" fillId="0" borderId="12" xfId="2" applyFont="1" applyBorder="1"/>
    <xf numFmtId="0" fontId="8" fillId="0" borderId="1" xfId="2" applyFont="1" applyBorder="1" applyAlignment="1">
      <alignment horizontal="center"/>
    </xf>
    <xf numFmtId="0" fontId="1" fillId="0" borderId="11" xfId="2" applyFont="1" applyBorder="1"/>
    <xf numFmtId="49" fontId="1" fillId="0" borderId="6" xfId="2" applyNumberFormat="1" applyFont="1" applyBorder="1" applyAlignment="1">
      <alignment horizontal="center"/>
    </xf>
    <xf numFmtId="38" fontId="1" fillId="0" borderId="2" xfId="4" applyFont="1" applyBorder="1" applyAlignment="1">
      <alignment horizontal="right"/>
    </xf>
    <xf numFmtId="176" fontId="1" fillId="0" borderId="5" xfId="3" applyNumberFormat="1" applyFont="1" applyBorder="1"/>
    <xf numFmtId="57" fontId="1" fillId="0" borderId="2" xfId="2" applyNumberFormat="1" applyFont="1" applyBorder="1" applyAlignment="1">
      <alignment horizontal="center"/>
    </xf>
    <xf numFmtId="0" fontId="1" fillId="0" borderId="5" xfId="2" applyFont="1" applyBorder="1" applyAlignment="1">
      <alignment horizontal="center"/>
    </xf>
    <xf numFmtId="38" fontId="1" fillId="0" borderId="6" xfId="4" applyFont="1" applyBorder="1"/>
    <xf numFmtId="38" fontId="1" fillId="0" borderId="2" xfId="4" applyFont="1" applyBorder="1"/>
    <xf numFmtId="0" fontId="1" fillId="0" borderId="2" xfId="2" applyFont="1" applyBorder="1"/>
    <xf numFmtId="0" fontId="1" fillId="0" borderId="7" xfId="2" applyFont="1" applyBorder="1"/>
    <xf numFmtId="0" fontId="1" fillId="0" borderId="13" xfId="2" applyFont="1" applyBorder="1" applyAlignment="1">
      <alignment horizontal="center"/>
    </xf>
    <xf numFmtId="0" fontId="1" fillId="0" borderId="4" xfId="2" applyFont="1" applyBorder="1" applyAlignment="1">
      <alignment horizontal="center"/>
    </xf>
    <xf numFmtId="49" fontId="1" fillId="0" borderId="0" xfId="2" applyNumberFormat="1" applyFont="1" applyBorder="1" applyAlignment="1">
      <alignment horizontal="center"/>
    </xf>
    <xf numFmtId="38" fontId="1" fillId="0" borderId="0" xfId="4" applyFont="1" applyBorder="1"/>
    <xf numFmtId="38" fontId="1" fillId="0" borderId="4" xfId="4" applyFont="1" applyBorder="1"/>
    <xf numFmtId="0" fontId="1" fillId="0" borderId="3" xfId="2" applyFont="1" applyBorder="1"/>
    <xf numFmtId="57" fontId="1" fillId="0" borderId="3" xfId="2" applyNumberFormat="1" applyFont="1" applyBorder="1" applyAlignment="1">
      <alignment horizontal="center"/>
    </xf>
    <xf numFmtId="0" fontId="1" fillId="0" borderId="14" xfId="2" applyFont="1" applyBorder="1"/>
    <xf numFmtId="0" fontId="1" fillId="0" borderId="4" xfId="2" applyFont="1" applyBorder="1"/>
    <xf numFmtId="0" fontId="1" fillId="0" borderId="5" xfId="2" applyFont="1" applyBorder="1"/>
    <xf numFmtId="0" fontId="1" fillId="0" borderId="6" xfId="2" applyFont="1" applyBorder="1" applyAlignment="1">
      <alignment horizontal="center"/>
    </xf>
    <xf numFmtId="0" fontId="1" fillId="0" borderId="6" xfId="2" applyFont="1" applyBorder="1"/>
    <xf numFmtId="0" fontId="1" fillId="0" borderId="1" xfId="2" applyFont="1" applyBorder="1"/>
    <xf numFmtId="38" fontId="1" fillId="0" borderId="12" xfId="4" applyFont="1" applyBorder="1"/>
    <xf numFmtId="38" fontId="1" fillId="0" borderId="1" xfId="4" applyFont="1" applyBorder="1"/>
    <xf numFmtId="0" fontId="1" fillId="0" borderId="12" xfId="2" applyFont="1" applyBorder="1"/>
    <xf numFmtId="0" fontId="8" fillId="0" borderId="0" xfId="2" applyFont="1"/>
    <xf numFmtId="0" fontId="1" fillId="0" borderId="8" xfId="2" applyFont="1" applyBorder="1" applyAlignment="1">
      <alignment horizontal="centerContinuous"/>
    </xf>
    <xf numFmtId="0" fontId="1" fillId="0" borderId="9" xfId="2" applyFont="1" applyBorder="1" applyAlignment="1">
      <alignment horizontal="centerContinuous"/>
    </xf>
    <xf numFmtId="38" fontId="1" fillId="0" borderId="8" xfId="4" applyFont="1" applyBorder="1" applyAlignment="1">
      <alignment horizontal="centerContinuous"/>
    </xf>
    <xf numFmtId="0" fontId="1" fillId="0" borderId="15" xfId="2" applyFont="1" applyBorder="1" applyAlignment="1">
      <alignment horizontal="centerContinuous"/>
    </xf>
    <xf numFmtId="0" fontId="1" fillId="0" borderId="10" xfId="2" applyFont="1" applyBorder="1"/>
    <xf numFmtId="0" fontId="1" fillId="0" borderId="11" xfId="2" applyFont="1" applyBorder="1" applyAlignment="1">
      <alignment horizontal="right"/>
    </xf>
    <xf numFmtId="38" fontId="1" fillId="0" borderId="11" xfId="4" applyFont="1" applyBorder="1"/>
    <xf numFmtId="38" fontId="1" fillId="0" borderId="10" xfId="4" applyFont="1" applyBorder="1"/>
    <xf numFmtId="0" fontId="1" fillId="0" borderId="10" xfId="2" applyFont="1" applyBorder="1" applyAlignment="1">
      <alignment horizontal="centerContinuous"/>
    </xf>
    <xf numFmtId="38" fontId="1" fillId="0" borderId="11" xfId="4" applyFont="1" applyBorder="1" applyAlignment="1">
      <alignment horizontal="centerContinuous"/>
    </xf>
    <xf numFmtId="0" fontId="1" fillId="0" borderId="1" xfId="2" applyFont="1" applyBorder="1" applyAlignment="1">
      <alignment horizontal="right"/>
    </xf>
    <xf numFmtId="0" fontId="1" fillId="0" borderId="11" xfId="2" applyFont="1" applyBorder="1" applyAlignment="1">
      <alignment horizontal="centerContinuous"/>
    </xf>
    <xf numFmtId="0" fontId="1" fillId="0" borderId="12" xfId="2" applyFont="1" applyBorder="1" applyAlignment="1">
      <alignment horizontal="centerContinuous"/>
    </xf>
    <xf numFmtId="176" fontId="1" fillId="0" borderId="7" xfId="3" applyNumberFormat="1" applyFont="1" applyBorder="1" applyAlignment="1">
      <alignment horizontal="left"/>
    </xf>
    <xf numFmtId="9" fontId="1" fillId="0" borderId="5" xfId="2" applyNumberFormat="1" applyFont="1" applyBorder="1" applyAlignment="1">
      <alignment horizontal="left"/>
    </xf>
    <xf numFmtId="49" fontId="8" fillId="0" borderId="5" xfId="4" applyNumberFormat="1" applyFont="1" applyBorder="1" applyAlignment="1">
      <alignment horizontal="center"/>
    </xf>
    <xf numFmtId="176" fontId="1" fillId="0" borderId="6" xfId="3" applyNumberFormat="1" applyFont="1" applyBorder="1" applyAlignment="1">
      <alignment horizontal="left"/>
    </xf>
    <xf numFmtId="38" fontId="1" fillId="0" borderId="5" xfId="4" applyFont="1" applyBorder="1"/>
    <xf numFmtId="176" fontId="1" fillId="0" borderId="2" xfId="3" applyNumberFormat="1" applyFont="1" applyBorder="1" applyAlignment="1">
      <alignment horizontal="center"/>
    </xf>
    <xf numFmtId="49" fontId="2" fillId="0" borderId="6" xfId="2" applyNumberFormat="1" applyFont="1" applyBorder="1" applyAlignment="1">
      <alignment horizontal="centerContinuous"/>
    </xf>
    <xf numFmtId="3" fontId="1" fillId="0" borderId="5" xfId="2" applyNumberFormat="1" applyFont="1" applyBorder="1" applyAlignment="1">
      <alignment horizontal="centerContinuous"/>
    </xf>
    <xf numFmtId="3" fontId="1" fillId="0" borderId="5" xfId="2" applyNumberFormat="1" applyFont="1" applyBorder="1" applyAlignment="1"/>
    <xf numFmtId="38" fontId="2" fillId="0" borderId="7" xfId="4" applyFont="1" applyBorder="1" applyAlignment="1"/>
    <xf numFmtId="38" fontId="2" fillId="0" borderId="7" xfId="4" applyFont="1" applyBorder="1" applyAlignment="1">
      <alignment horizontal="centerContinuous"/>
    </xf>
    <xf numFmtId="3" fontId="1" fillId="0" borderId="6" xfId="2" applyNumberFormat="1" applyFont="1" applyBorder="1" applyAlignment="1">
      <alignment horizontal="centerContinuous"/>
    </xf>
    <xf numFmtId="49" fontId="8" fillId="0" borderId="6" xfId="4" applyNumberFormat="1" applyFont="1" applyBorder="1" applyAlignment="1">
      <alignment horizontal="centerContinuous"/>
    </xf>
    <xf numFmtId="38" fontId="1" fillId="0" borderId="5" xfId="4" applyFont="1" applyBorder="1" applyAlignment="1">
      <alignment horizontal="centerContinuous"/>
    </xf>
    <xf numFmtId="38" fontId="8" fillId="0" borderId="7" xfId="4" applyFont="1" applyBorder="1" applyAlignment="1">
      <alignment horizontal="centerContinuous"/>
    </xf>
    <xf numFmtId="38" fontId="1" fillId="0" borderId="5" xfId="2" applyNumberFormat="1" applyFont="1" applyBorder="1" applyAlignment="1">
      <alignment horizontal="centerContinuous"/>
    </xf>
    <xf numFmtId="49" fontId="8" fillId="0" borderId="7" xfId="4" applyNumberFormat="1" applyFont="1" applyBorder="1" applyAlignment="1">
      <alignment horizontal="centerContinuous"/>
    </xf>
    <xf numFmtId="0" fontId="1" fillId="0" borderId="7" xfId="2" applyFont="1" applyBorder="1" applyAlignment="1">
      <alignment horizontal="center"/>
    </xf>
    <xf numFmtId="38" fontId="1" fillId="0" borderId="7" xfId="4" applyFont="1" applyBorder="1"/>
    <xf numFmtId="0" fontId="4" fillId="0" borderId="0" xfId="2" applyFont="1"/>
    <xf numFmtId="0" fontId="9" fillId="0" borderId="0" xfId="2" applyFont="1" applyAlignment="1">
      <alignment horizontal="left"/>
    </xf>
    <xf numFmtId="0" fontId="1" fillId="0" borderId="0" xfId="1"/>
    <xf numFmtId="0" fontId="2" fillId="0" borderId="0" xfId="1" applyFont="1"/>
    <xf numFmtId="0" fontId="2" fillId="0" borderId="1" xfId="1" applyFont="1" applyBorder="1" applyAlignment="1">
      <alignment horizontal="center"/>
    </xf>
    <xf numFmtId="0" fontId="2" fillId="0" borderId="3" xfId="1" applyFont="1" applyBorder="1" applyAlignment="1">
      <alignment horizontal="center"/>
    </xf>
    <xf numFmtId="0" fontId="2" fillId="0" borderId="4" xfId="1" applyFont="1" applyBorder="1" applyAlignment="1">
      <alignment horizontal="center"/>
    </xf>
    <xf numFmtId="0" fontId="2" fillId="0" borderId="4" xfId="1" applyFont="1" applyBorder="1"/>
    <xf numFmtId="0" fontId="2" fillId="0" borderId="4" xfId="1" applyFont="1" applyBorder="1" applyAlignment="1">
      <alignment horizontal="right" vertical="top"/>
    </xf>
    <xf numFmtId="0" fontId="2" fillId="0" borderId="1" xfId="1" applyFont="1" applyBorder="1"/>
    <xf numFmtId="0" fontId="2" fillId="0" borderId="2" xfId="1" applyFont="1" applyBorder="1"/>
    <xf numFmtId="0" fontId="2" fillId="0" borderId="2" xfId="1" applyFont="1" applyBorder="1" applyAlignment="1">
      <alignment horizontal="right" vertical="top"/>
    </xf>
    <xf numFmtId="0" fontId="2" fillId="0" borderId="2" xfId="1" applyFont="1" applyBorder="1" applyAlignment="1">
      <alignment horizontal="center" vertical="center"/>
    </xf>
    <xf numFmtId="0" fontId="2" fillId="0" borderId="3" xfId="1" applyFont="1" applyBorder="1" applyAlignment="1">
      <alignment horizontal="center" vertical="center"/>
    </xf>
    <xf numFmtId="0" fontId="2" fillId="0" borderId="1" xfId="1" applyFont="1" applyBorder="1" applyAlignment="1">
      <alignment horizontal="center" vertical="center"/>
    </xf>
    <xf numFmtId="0" fontId="2" fillId="0" borderId="2" xfId="1" applyFont="1" applyBorder="1" applyAlignment="1">
      <alignment vertical="center"/>
    </xf>
    <xf numFmtId="0" fontId="2" fillId="0" borderId="8" xfId="1" applyFont="1" applyBorder="1" applyAlignment="1">
      <alignment vertical="center"/>
    </xf>
    <xf numFmtId="0" fontId="2" fillId="0" borderId="15" xfId="1" applyFont="1" applyBorder="1" applyAlignment="1">
      <alignment vertical="center"/>
    </xf>
    <xf numFmtId="0" fontId="2" fillId="0" borderId="4" xfId="1" applyFont="1" applyBorder="1" applyAlignment="1">
      <alignment horizontal="center" vertical="center"/>
    </xf>
    <xf numFmtId="0" fontId="2" fillId="0" borderId="13" xfId="1" applyFont="1" applyBorder="1" applyAlignment="1">
      <alignment vertical="center"/>
    </xf>
    <xf numFmtId="0" fontId="2" fillId="0" borderId="0" xfId="1" applyFont="1" applyBorder="1" applyAlignment="1">
      <alignment vertical="center"/>
    </xf>
    <xf numFmtId="0" fontId="2" fillId="0" borderId="14" xfId="1" applyFont="1" applyBorder="1" applyAlignment="1">
      <alignment vertical="center"/>
    </xf>
    <xf numFmtId="0" fontId="2" fillId="0" borderId="10" xfId="1" applyFont="1" applyBorder="1" applyAlignment="1">
      <alignment vertical="center"/>
    </xf>
    <xf numFmtId="0" fontId="2" fillId="0" borderId="12" xfId="1" applyFont="1" applyBorder="1" applyAlignment="1">
      <alignment vertical="center"/>
    </xf>
    <xf numFmtId="0" fontId="2" fillId="0" borderId="11" xfId="1" applyFont="1" applyBorder="1" applyAlignment="1">
      <alignment vertical="center"/>
    </xf>
    <xf numFmtId="0" fontId="0" fillId="0" borderId="2" xfId="0" applyBorder="1">
      <alignment vertical="center"/>
    </xf>
    <xf numFmtId="0" fontId="0" fillId="0" borderId="12" xfId="0" applyBorder="1">
      <alignment vertical="center"/>
    </xf>
    <xf numFmtId="0" fontId="0" fillId="0" borderId="2" xfId="0" applyBorder="1" applyAlignment="1">
      <alignment horizontal="right" vertical="center"/>
    </xf>
    <xf numFmtId="0" fontId="0" fillId="0" borderId="2" xfId="0" applyBorder="1" applyAlignment="1">
      <alignment horizontal="center" vertical="center"/>
    </xf>
    <xf numFmtId="0" fontId="12" fillId="0" borderId="0" xfId="0" applyFont="1">
      <alignment vertical="center"/>
    </xf>
    <xf numFmtId="0" fontId="0" fillId="0" borderId="0" xfId="0" applyAlignment="1">
      <alignment vertical="center"/>
    </xf>
    <xf numFmtId="0" fontId="11" fillId="0" borderId="0" xfId="0" applyFont="1">
      <alignment vertical="center"/>
    </xf>
    <xf numFmtId="0" fontId="0" fillId="0" borderId="10" xfId="0" applyBorder="1">
      <alignment vertical="center"/>
    </xf>
    <xf numFmtId="0" fontId="0" fillId="0" borderId="11" xfId="0" applyBorder="1">
      <alignment vertical="center"/>
    </xf>
    <xf numFmtId="0" fontId="0" fillId="0" borderId="2" xfId="0" applyBorder="1" applyAlignment="1">
      <alignment vertical="center" wrapText="1"/>
    </xf>
    <xf numFmtId="0" fontId="0" fillId="0" borderId="3" xfId="0" applyBorder="1">
      <alignment vertical="center"/>
    </xf>
    <xf numFmtId="0" fontId="0" fillId="0" borderId="4" xfId="0" applyBorder="1">
      <alignment vertical="center"/>
    </xf>
    <xf numFmtId="0" fontId="0" fillId="0" borderId="4" xfId="0" applyBorder="1" applyAlignment="1">
      <alignment vertical="top" wrapText="1"/>
    </xf>
    <xf numFmtId="0" fontId="0" fillId="0" borderId="1" xfId="0" applyBorder="1">
      <alignment vertical="center"/>
    </xf>
    <xf numFmtId="0" fontId="0" fillId="0" borderId="13" xfId="0" applyBorder="1" applyAlignment="1">
      <alignment vertical="center" wrapText="1"/>
    </xf>
    <xf numFmtId="0" fontId="0" fillId="0" borderId="4" xfId="0" applyBorder="1" applyAlignment="1">
      <alignment vertical="top"/>
    </xf>
    <xf numFmtId="0" fontId="0" fillId="0" borderId="8" xfId="0" applyBorder="1" applyAlignment="1">
      <alignment vertical="top"/>
    </xf>
    <xf numFmtId="0" fontId="0" fillId="0" borderId="3" xfId="0" applyBorder="1" applyAlignment="1">
      <alignment vertical="top"/>
    </xf>
    <xf numFmtId="0" fontId="0" fillId="0" borderId="5" xfId="0" applyBorder="1" applyAlignment="1">
      <alignment vertical="center" wrapText="1"/>
    </xf>
    <xf numFmtId="0" fontId="0" fillId="0" borderId="2" xfId="0" applyBorder="1" applyAlignment="1">
      <alignment vertical="top" wrapText="1"/>
    </xf>
    <xf numFmtId="0" fontId="0" fillId="0" borderId="6" xfId="0" applyBorder="1">
      <alignment vertical="center"/>
    </xf>
    <xf numFmtId="0" fontId="0" fillId="0" borderId="0" xfId="0" applyAlignment="1">
      <alignment vertical="top"/>
    </xf>
    <xf numFmtId="177" fontId="14" fillId="2" borderId="2" xfId="0" applyNumberFormat="1" applyFont="1" applyFill="1" applyBorder="1">
      <alignment vertical="center"/>
    </xf>
    <xf numFmtId="177" fontId="14" fillId="2" borderId="0" xfId="0" applyNumberFormat="1" applyFont="1" applyFill="1">
      <alignment vertical="center"/>
    </xf>
    <xf numFmtId="177" fontId="16" fillId="2" borderId="0" xfId="0" applyNumberFormat="1" applyFont="1" applyFill="1">
      <alignment vertical="center"/>
    </xf>
    <xf numFmtId="177" fontId="14" fillId="2" borderId="2" xfId="0" applyNumberFormat="1" applyFont="1" applyFill="1" applyBorder="1" applyAlignment="1">
      <alignment horizontal="center" vertical="center"/>
    </xf>
    <xf numFmtId="177" fontId="14" fillId="2" borderId="2" xfId="0" applyNumberFormat="1" applyFont="1" applyFill="1" applyBorder="1" applyAlignment="1">
      <alignment horizontal="center" vertical="center" wrapText="1"/>
    </xf>
    <xf numFmtId="177" fontId="14" fillId="2" borderId="3" xfId="0" applyNumberFormat="1" applyFont="1" applyFill="1" applyBorder="1" applyAlignment="1">
      <alignment horizontal="center" vertical="center" wrapText="1"/>
    </xf>
    <xf numFmtId="177" fontId="14" fillId="2" borderId="5" xfId="0" applyNumberFormat="1" applyFont="1" applyFill="1" applyBorder="1">
      <alignment vertical="center"/>
    </xf>
    <xf numFmtId="177" fontId="14" fillId="2" borderId="7" xfId="0" applyNumberFormat="1" applyFont="1" applyFill="1" applyBorder="1">
      <alignment vertical="center"/>
    </xf>
    <xf numFmtId="177" fontId="14" fillId="2" borderId="0" xfId="0" applyNumberFormat="1" applyFont="1" applyFill="1" applyBorder="1" applyAlignment="1">
      <alignment horizontal="center" vertical="center"/>
    </xf>
    <xf numFmtId="177" fontId="14" fillId="2" borderId="0" xfId="0" applyNumberFormat="1" applyFont="1" applyFill="1" applyBorder="1">
      <alignment vertical="center"/>
    </xf>
    <xf numFmtId="177" fontId="14" fillId="0" borderId="2" xfId="0" applyNumberFormat="1" applyFont="1" applyFill="1" applyBorder="1" applyProtection="1">
      <alignment vertical="center"/>
      <protection locked="0"/>
    </xf>
    <xf numFmtId="177" fontId="15" fillId="2" borderId="0" xfId="0" applyNumberFormat="1" applyFont="1" applyFill="1" applyAlignment="1">
      <alignment horizontal="centerContinuous" vertical="center"/>
    </xf>
    <xf numFmtId="177" fontId="14" fillId="2" borderId="0" xfId="0" applyNumberFormat="1" applyFont="1" applyFill="1" applyAlignment="1">
      <alignment horizontal="centerContinuous" vertical="center"/>
    </xf>
    <xf numFmtId="177" fontId="17" fillId="2" borderId="0" xfId="0" applyNumberFormat="1" applyFont="1" applyFill="1">
      <alignment vertical="center"/>
    </xf>
    <xf numFmtId="0" fontId="0" fillId="0" borderId="0" xfId="0" applyAlignment="1">
      <alignment horizontal="right" vertical="center"/>
    </xf>
    <xf numFmtId="0" fontId="0" fillId="0" borderId="6" xfId="0" applyBorder="1" applyAlignment="1">
      <alignment horizontal="right" vertical="center"/>
    </xf>
    <xf numFmtId="0" fontId="0" fillId="0" borderId="15" xfId="0" applyBorder="1" applyAlignment="1">
      <alignment horizontal="right" vertical="center"/>
    </xf>
    <xf numFmtId="0" fontId="0" fillId="0" borderId="2" xfId="0" applyBorder="1" applyAlignment="1">
      <alignment horizontal="center" vertical="center"/>
    </xf>
    <xf numFmtId="0" fontId="0" fillId="0" borderId="0" xfId="0" applyAlignment="1">
      <alignment vertical="top" wrapText="1"/>
    </xf>
    <xf numFmtId="0" fontId="0" fillId="0" borderId="0" xfId="0" applyAlignment="1">
      <alignment horizontal="left" vertical="top" wrapText="1"/>
    </xf>
    <xf numFmtId="0" fontId="0" fillId="0" borderId="2" xfId="0" applyBorder="1" applyAlignment="1">
      <alignment horizontal="center" vertical="center" wrapText="1"/>
    </xf>
    <xf numFmtId="0" fontId="0" fillId="0" borderId="0" xfId="0"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6" xfId="0"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top"/>
    </xf>
    <xf numFmtId="0" fontId="0" fillId="0" borderId="9" xfId="0" applyBorder="1" applyAlignment="1">
      <alignment horizontal="center" vertical="top"/>
    </xf>
    <xf numFmtId="0" fontId="0" fillId="0" borderId="3" xfId="0" applyBorder="1" applyAlignment="1">
      <alignment horizontal="center" vertical="center" wrapText="1"/>
    </xf>
    <xf numFmtId="0" fontId="0" fillId="0" borderId="5" xfId="0" applyBorder="1" applyAlignment="1">
      <alignment horizontal="center" vertical="center"/>
    </xf>
    <xf numFmtId="0" fontId="0" fillId="0" borderId="13" xfId="0" applyBorder="1" applyAlignment="1">
      <alignment horizontal="center" vertical="center"/>
    </xf>
    <xf numFmtId="0" fontId="0" fillId="0" borderId="14" xfId="0" applyBorder="1" applyAlignment="1">
      <alignment horizontal="center" vertical="center"/>
    </xf>
    <xf numFmtId="0" fontId="0" fillId="0" borderId="8" xfId="0" applyBorder="1" applyAlignment="1">
      <alignment horizontal="center" vertical="center" wrapText="1"/>
    </xf>
    <xf numFmtId="0" fontId="0" fillId="0" borderId="15" xfId="0" applyBorder="1" applyAlignment="1">
      <alignment horizontal="center" vertical="center" wrapText="1"/>
    </xf>
    <xf numFmtId="0" fontId="0" fillId="0" borderId="13" xfId="0" applyBorder="1" applyAlignment="1">
      <alignment horizontal="center" vertical="center" wrapText="1"/>
    </xf>
    <xf numFmtId="0" fontId="0" fillId="0" borderId="0" xfId="0" applyBorder="1" applyAlignment="1">
      <alignment horizontal="center" vertical="center" wrapText="1"/>
    </xf>
    <xf numFmtId="0" fontId="0" fillId="0" borderId="8" xfId="0" applyBorder="1" applyAlignment="1">
      <alignment horizontal="center" vertical="top" wrapText="1"/>
    </xf>
    <xf numFmtId="0" fontId="0" fillId="0" borderId="9" xfId="0" applyBorder="1" applyAlignment="1">
      <alignment horizontal="center" vertical="top" wrapText="1"/>
    </xf>
    <xf numFmtId="0" fontId="0" fillId="0" borderId="10" xfId="0" applyBorder="1" applyAlignment="1">
      <alignment horizontal="center" vertical="top" wrapText="1"/>
    </xf>
    <xf numFmtId="0" fontId="0" fillId="0" borderId="11" xfId="0" applyBorder="1" applyAlignment="1">
      <alignment horizontal="center" vertical="top" wrapText="1"/>
    </xf>
    <xf numFmtId="0" fontId="0" fillId="0" borderId="9" xfId="0" applyBorder="1" applyAlignment="1">
      <alignment horizontal="center" vertical="center" wrapText="1"/>
    </xf>
    <xf numFmtId="0" fontId="0" fillId="0" borderId="14" xfId="0" applyBorder="1" applyAlignment="1">
      <alignment horizontal="center" vertical="center" wrapText="1"/>
    </xf>
    <xf numFmtId="0" fontId="0" fillId="0" borderId="10" xfId="0" applyBorder="1" applyAlignment="1">
      <alignment horizontal="center" vertical="center" wrapText="1"/>
    </xf>
    <xf numFmtId="0" fontId="0" fillId="0" borderId="11" xfId="0" applyBorder="1" applyAlignment="1">
      <alignment horizontal="center" vertical="center" wrapText="1"/>
    </xf>
    <xf numFmtId="0" fontId="0" fillId="0" borderId="8" xfId="0" applyBorder="1" applyAlignment="1">
      <alignment horizontal="center" vertical="center"/>
    </xf>
    <xf numFmtId="0" fontId="0" fillId="0" borderId="9" xfId="0" applyBorder="1" applyAlignment="1">
      <alignment horizontal="center" vertical="center"/>
    </xf>
    <xf numFmtId="0" fontId="0" fillId="0" borderId="10" xfId="0" applyBorder="1" applyAlignment="1">
      <alignment horizontal="center" vertical="center"/>
    </xf>
    <xf numFmtId="0" fontId="0" fillId="0" borderId="11" xfId="0" applyBorder="1" applyAlignment="1">
      <alignment horizontal="center" vertical="center"/>
    </xf>
    <xf numFmtId="0" fontId="2" fillId="0" borderId="5" xfId="1" applyFont="1" applyBorder="1" applyAlignment="1">
      <alignment horizontal="center" vertical="center"/>
    </xf>
    <xf numFmtId="0" fontId="2" fillId="0" borderId="6" xfId="1" applyFont="1" applyBorder="1" applyAlignment="1">
      <alignment horizontal="center" vertical="center"/>
    </xf>
    <xf numFmtId="0" fontId="2" fillId="0" borderId="7" xfId="1" applyFont="1" applyBorder="1" applyAlignment="1">
      <alignment horizontal="center" vertical="center"/>
    </xf>
    <xf numFmtId="0" fontId="2" fillId="0" borderId="8" xfId="1" applyFont="1" applyBorder="1" applyAlignment="1">
      <alignment horizontal="left"/>
    </xf>
    <xf numFmtId="0" fontId="2" fillId="0" borderId="15" xfId="1" applyFont="1" applyBorder="1" applyAlignment="1">
      <alignment horizontal="left"/>
    </xf>
    <xf numFmtId="0" fontId="2" fillId="0" borderId="9" xfId="1" applyFont="1" applyBorder="1" applyAlignment="1">
      <alignment horizontal="left"/>
    </xf>
    <xf numFmtId="0" fontId="2" fillId="0" borderId="13" xfId="1" applyFont="1" applyBorder="1" applyAlignment="1">
      <alignment horizontal="left"/>
    </xf>
    <xf numFmtId="0" fontId="2" fillId="0" borderId="0" xfId="1" applyFont="1" applyBorder="1" applyAlignment="1">
      <alignment horizontal="left"/>
    </xf>
    <xf numFmtId="0" fontId="2" fillId="0" borderId="14" xfId="1" applyFont="1" applyBorder="1" applyAlignment="1">
      <alignment horizontal="left"/>
    </xf>
    <xf numFmtId="0" fontId="2" fillId="0" borderId="10" xfId="1" applyFont="1" applyBorder="1" applyAlignment="1">
      <alignment horizontal="left"/>
    </xf>
    <xf numFmtId="0" fontId="2" fillId="0" borderId="12" xfId="1" applyFont="1" applyBorder="1" applyAlignment="1">
      <alignment horizontal="left"/>
    </xf>
    <xf numFmtId="0" fontId="2" fillId="0" borderId="11" xfId="1" applyFont="1" applyBorder="1" applyAlignment="1">
      <alignment horizontal="left"/>
    </xf>
    <xf numFmtId="0" fontId="9" fillId="0" borderId="0" xfId="1" applyFont="1" applyAlignment="1">
      <alignment horizontal="center" vertical="center"/>
    </xf>
    <xf numFmtId="0" fontId="2" fillId="0" borderId="5" xfId="1" applyFont="1" applyBorder="1" applyAlignment="1">
      <alignment horizontal="center"/>
    </xf>
    <xf numFmtId="0" fontId="2" fillId="0" borderId="6" xfId="1" applyFont="1" applyBorder="1" applyAlignment="1">
      <alignment horizontal="center"/>
    </xf>
    <xf numFmtId="0" fontId="2" fillId="0" borderId="7" xfId="1" applyFont="1" applyBorder="1" applyAlignment="1">
      <alignment horizontal="center"/>
    </xf>
    <xf numFmtId="0" fontId="9" fillId="0" borderId="0" xfId="1" applyFont="1" applyAlignment="1">
      <alignment horizontal="center"/>
    </xf>
    <xf numFmtId="0" fontId="0" fillId="0" borderId="0" xfId="0" applyAlignment="1">
      <alignment vertical="center" wrapText="1"/>
    </xf>
    <xf numFmtId="0" fontId="10" fillId="0" borderId="0" xfId="0" applyFont="1" applyAlignment="1">
      <alignment horizontal="center" vertical="center"/>
    </xf>
    <xf numFmtId="0" fontId="0" fillId="0" borderId="5" xfId="0" applyBorder="1" applyAlignment="1">
      <alignment horizontal="left" vertical="center"/>
    </xf>
    <xf numFmtId="0" fontId="0" fillId="0" borderId="6" xfId="0" applyBorder="1" applyAlignment="1">
      <alignment horizontal="left" vertical="center"/>
    </xf>
    <xf numFmtId="0" fontId="0" fillId="0" borderId="7" xfId="0" applyBorder="1" applyAlignment="1">
      <alignment horizontal="left" vertical="center"/>
    </xf>
    <xf numFmtId="0" fontId="0" fillId="0" borderId="1" xfId="0" applyBorder="1" applyAlignment="1">
      <alignment horizontal="center" vertical="center"/>
    </xf>
    <xf numFmtId="0" fontId="0" fillId="0" borderId="1" xfId="0" applyBorder="1" applyAlignment="1">
      <alignment horizontal="center" vertical="center" wrapText="1"/>
    </xf>
    <xf numFmtId="0" fontId="0" fillId="0" borderId="3" xfId="0" applyBorder="1" applyAlignment="1">
      <alignment horizontal="center" vertical="center" textRotation="255"/>
    </xf>
    <xf numFmtId="0" fontId="0" fillId="0" borderId="4" xfId="0" applyBorder="1" applyAlignment="1">
      <alignment horizontal="center" vertical="center" textRotation="255"/>
    </xf>
    <xf numFmtId="0" fontId="0" fillId="0" borderId="1" xfId="0" applyBorder="1" applyAlignment="1">
      <alignment horizontal="center" vertical="center" textRotation="255"/>
    </xf>
    <xf numFmtId="0" fontId="0" fillId="0" borderId="0" xfId="0" applyAlignment="1">
      <alignment horizontal="left" vertical="center" wrapText="1"/>
    </xf>
    <xf numFmtId="0" fontId="0" fillId="0" borderId="0" xfId="0" applyAlignment="1">
      <alignment horizontal="left" vertical="center"/>
    </xf>
  </cellXfs>
  <cellStyles count="5">
    <cellStyle name="パーセント 2" xfId="3" xr:uid="{00000000-0005-0000-0000-000000000000}"/>
    <cellStyle name="桁区切り 2" xfId="4" xr:uid="{00000000-0005-0000-0000-000001000000}"/>
    <cellStyle name="標準" xfId="0" builtinId="0"/>
    <cellStyle name="標準 2" xfId="1" xr:uid="{00000000-0005-0000-0000-000003000000}"/>
    <cellStyle name="標準 3" xfId="2"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1</xdr:col>
      <xdr:colOff>66675</xdr:colOff>
      <xdr:row>6</xdr:row>
      <xdr:rowOff>428625</xdr:rowOff>
    </xdr:from>
    <xdr:to>
      <xdr:col>21</xdr:col>
      <xdr:colOff>533400</xdr:colOff>
      <xdr:row>6</xdr:row>
      <xdr:rowOff>666750</xdr:rowOff>
    </xdr:to>
    <xdr:sp macro="" textlink="">
      <xdr:nvSpPr>
        <xdr:cNvPr id="2" name="Rectangle 1">
          <a:extLst>
            <a:ext uri="{FF2B5EF4-FFF2-40B4-BE49-F238E27FC236}">
              <a16:creationId xmlns:a16="http://schemas.microsoft.com/office/drawing/2014/main" id="{00000000-0008-0000-0300-000002000000}"/>
            </a:ext>
          </a:extLst>
        </xdr:cNvPr>
        <xdr:cNvSpPr>
          <a:spLocks noChangeArrowheads="1"/>
        </xdr:cNvSpPr>
      </xdr:nvSpPr>
      <xdr:spPr bwMode="auto">
        <a:xfrm>
          <a:off x="9401175" y="1619250"/>
          <a:ext cx="466725" cy="238125"/>
        </a:xfrm>
        <a:prstGeom prst="rect">
          <a:avLst/>
        </a:prstGeom>
        <a:solidFill>
          <a:srgbClr val="FFFFFF"/>
        </a:solidFill>
        <a:ln w="38100" cmpd="dbl">
          <a:solidFill>
            <a:srgbClr val="000000"/>
          </a:solidFill>
          <a:miter lim="800000"/>
          <a:headEnd/>
          <a:tailEnd/>
        </a:ln>
      </xdr:spPr>
    </xdr:sp>
    <xdr:clientData/>
  </xdr:twoCellAnchor>
  <xdr:twoCellAnchor>
    <xdr:from>
      <xdr:col>21</xdr:col>
      <xdr:colOff>95250</xdr:colOff>
      <xdr:row>7</xdr:row>
      <xdr:rowOff>400050</xdr:rowOff>
    </xdr:from>
    <xdr:to>
      <xdr:col>21</xdr:col>
      <xdr:colOff>561975</xdr:colOff>
      <xdr:row>7</xdr:row>
      <xdr:rowOff>638175</xdr:rowOff>
    </xdr:to>
    <xdr:sp macro="" textlink="">
      <xdr:nvSpPr>
        <xdr:cNvPr id="3" name="Rectangle 3">
          <a:extLst>
            <a:ext uri="{FF2B5EF4-FFF2-40B4-BE49-F238E27FC236}">
              <a16:creationId xmlns:a16="http://schemas.microsoft.com/office/drawing/2014/main" id="{00000000-0008-0000-0300-000003000000}"/>
            </a:ext>
          </a:extLst>
        </xdr:cNvPr>
        <xdr:cNvSpPr>
          <a:spLocks noChangeArrowheads="1"/>
        </xdr:cNvSpPr>
      </xdr:nvSpPr>
      <xdr:spPr bwMode="auto">
        <a:xfrm>
          <a:off x="9429750" y="2533650"/>
          <a:ext cx="466725" cy="238125"/>
        </a:xfrm>
        <a:prstGeom prst="rect">
          <a:avLst/>
        </a:prstGeom>
        <a:solidFill>
          <a:srgbClr val="FFFFFF"/>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U80"/>
  <sheetViews>
    <sheetView view="pageBreakPreview" zoomScale="60" zoomScaleNormal="100" workbookViewId="0">
      <selection activeCell="C39" sqref="C39:U39"/>
    </sheetView>
  </sheetViews>
  <sheetFormatPr defaultRowHeight="14.4"/>
  <cols>
    <col min="1" max="1" width="5.5" customWidth="1"/>
    <col min="8" max="19" width="6.69921875" customWidth="1"/>
  </cols>
  <sheetData>
    <row r="1" spans="1:19">
      <c r="A1" t="s">
        <v>240</v>
      </c>
    </row>
    <row r="2" spans="1:19">
      <c r="A2" s="124" t="s">
        <v>118</v>
      </c>
    </row>
    <row r="3" spans="1:19">
      <c r="A3" t="s">
        <v>119</v>
      </c>
    </row>
    <row r="4" spans="1:19">
      <c r="A4" t="s">
        <v>124</v>
      </c>
    </row>
    <row r="5" spans="1:19">
      <c r="B5" s="161" t="s">
        <v>130</v>
      </c>
      <c r="C5" s="161"/>
      <c r="D5" s="161"/>
      <c r="E5" s="161"/>
    </row>
    <row r="6" spans="1:19">
      <c r="B6" s="161" t="s">
        <v>131</v>
      </c>
      <c r="C6" s="161"/>
      <c r="D6" s="161"/>
      <c r="E6" s="161"/>
      <c r="F6" s="138"/>
      <c r="G6" s="138"/>
      <c r="H6" s="138"/>
      <c r="I6" s="138"/>
      <c r="J6" s="138"/>
      <c r="K6" s="138"/>
      <c r="L6" s="138"/>
      <c r="M6" s="138"/>
      <c r="N6" s="138"/>
      <c r="O6" s="138"/>
      <c r="P6" s="138"/>
      <c r="Q6" s="138"/>
      <c r="R6" s="138"/>
      <c r="S6" s="138"/>
    </row>
    <row r="7" spans="1:19">
      <c r="B7" s="161" t="s">
        <v>125</v>
      </c>
      <c r="C7" s="161"/>
      <c r="D7" s="161"/>
      <c r="E7" s="161"/>
      <c r="F7" s="138"/>
      <c r="G7" s="138"/>
      <c r="H7" s="138"/>
      <c r="I7" s="138"/>
      <c r="J7" s="138"/>
      <c r="K7" s="156" t="s">
        <v>123</v>
      </c>
      <c r="L7" s="156"/>
      <c r="M7" s="156"/>
      <c r="N7" s="138"/>
      <c r="O7" s="138"/>
      <c r="P7" s="138"/>
      <c r="Q7" s="138"/>
      <c r="R7" s="138"/>
      <c r="S7" s="138"/>
    </row>
    <row r="8" spans="1:19">
      <c r="B8" s="161" t="s">
        <v>126</v>
      </c>
      <c r="C8" s="161"/>
      <c r="D8" s="161"/>
      <c r="E8" s="161"/>
    </row>
    <row r="9" spans="1:19">
      <c r="A9" s="123" t="s">
        <v>127</v>
      </c>
      <c r="B9" s="123"/>
      <c r="F9" s="138"/>
      <c r="G9" s="138"/>
      <c r="H9" s="138"/>
      <c r="I9" s="138"/>
      <c r="J9" s="138"/>
      <c r="K9" s="138"/>
      <c r="L9" s="138"/>
      <c r="M9" s="138"/>
      <c r="N9" s="138"/>
      <c r="O9" s="138"/>
      <c r="P9" s="138"/>
      <c r="Q9" s="138"/>
      <c r="R9" s="138"/>
      <c r="S9" s="138"/>
    </row>
    <row r="10" spans="1:19">
      <c r="B10" s="161" t="s">
        <v>128</v>
      </c>
      <c r="C10" s="161"/>
      <c r="D10" s="161"/>
      <c r="E10" s="161"/>
      <c r="F10" s="138"/>
      <c r="G10" s="138"/>
      <c r="H10" s="138"/>
      <c r="I10" s="138"/>
      <c r="J10" s="138"/>
      <c r="K10" s="138"/>
      <c r="L10" s="138"/>
      <c r="M10" s="138"/>
      <c r="N10" s="138"/>
      <c r="O10" s="138"/>
      <c r="P10" s="138"/>
      <c r="Q10" s="138"/>
      <c r="R10" s="138"/>
      <c r="S10" s="138"/>
    </row>
    <row r="11" spans="1:19">
      <c r="B11" t="s">
        <v>129</v>
      </c>
    </row>
    <row r="12" spans="1:19">
      <c r="B12" t="s">
        <v>120</v>
      </c>
    </row>
    <row r="13" spans="1:19">
      <c r="B13" t="s">
        <v>121</v>
      </c>
    </row>
    <row r="15" spans="1:19">
      <c r="B15" s="138"/>
      <c r="C15" s="138"/>
      <c r="D15" s="138"/>
      <c r="E15" s="138"/>
      <c r="F15" s="138"/>
      <c r="G15" s="138"/>
      <c r="H15" s="138"/>
      <c r="I15" s="138"/>
      <c r="J15" s="138"/>
      <c r="K15" s="138"/>
      <c r="L15" s="138"/>
      <c r="M15" s="138"/>
      <c r="N15" s="138"/>
      <c r="O15" s="138"/>
      <c r="P15" s="138"/>
      <c r="Q15" s="138"/>
      <c r="R15" s="138"/>
      <c r="S15" s="138"/>
    </row>
    <row r="16" spans="1:19">
      <c r="B16" s="138"/>
      <c r="C16" s="138"/>
      <c r="D16" s="138"/>
      <c r="E16" s="138"/>
      <c r="F16" s="138"/>
      <c r="G16" s="138"/>
      <c r="H16" s="138"/>
      <c r="I16" s="138"/>
      <c r="J16" s="138"/>
      <c r="K16" s="138"/>
      <c r="L16" s="138"/>
      <c r="M16" s="138"/>
      <c r="N16" s="138"/>
      <c r="O16" s="138"/>
      <c r="P16" s="138"/>
      <c r="Q16" s="138"/>
      <c r="R16" s="138"/>
      <c r="S16" s="138"/>
    </row>
    <row r="17" spans="1:21">
      <c r="A17" t="s">
        <v>122</v>
      </c>
    </row>
    <row r="19" spans="1:21">
      <c r="A19" s="124" t="s">
        <v>213</v>
      </c>
    </row>
    <row r="20" spans="1:21">
      <c r="A20" t="s">
        <v>132</v>
      </c>
    </row>
    <row r="21" spans="1:21" ht="36.75" customHeight="1">
      <c r="B21" s="157" t="s">
        <v>133</v>
      </c>
      <c r="C21" s="157" t="s">
        <v>134</v>
      </c>
      <c r="D21" s="160" t="s">
        <v>154</v>
      </c>
      <c r="E21" s="160"/>
      <c r="F21" s="157" t="s">
        <v>117</v>
      </c>
      <c r="G21" s="157"/>
      <c r="H21" s="160" t="s">
        <v>155</v>
      </c>
      <c r="I21" s="160" t="s">
        <v>156</v>
      </c>
      <c r="J21" s="160"/>
      <c r="K21" s="157" t="s">
        <v>157</v>
      </c>
      <c r="L21" s="157"/>
      <c r="M21" s="157"/>
      <c r="N21" s="157" t="s">
        <v>158</v>
      </c>
      <c r="O21" s="157"/>
      <c r="P21" s="157" t="s">
        <v>82</v>
      </c>
      <c r="Q21" s="157"/>
      <c r="R21" s="157" t="s">
        <v>159</v>
      </c>
      <c r="S21" s="157"/>
      <c r="T21" s="162"/>
      <c r="U21" s="162"/>
    </row>
    <row r="22" spans="1:21" ht="25.5" customHeight="1">
      <c r="B22" s="157"/>
      <c r="C22" s="157"/>
      <c r="D22" s="160"/>
      <c r="E22" s="160"/>
      <c r="F22" s="157"/>
      <c r="G22" s="157"/>
      <c r="H22" s="160"/>
      <c r="I22" s="160"/>
      <c r="J22" s="160"/>
      <c r="K22" s="157"/>
      <c r="L22" s="157"/>
      <c r="M22" s="157"/>
      <c r="N22" s="157"/>
      <c r="O22" s="157"/>
      <c r="P22" s="157"/>
      <c r="Q22" s="157"/>
      <c r="R22" s="157" t="s">
        <v>160</v>
      </c>
      <c r="S22" s="157"/>
      <c r="T22" s="125"/>
      <c r="U22" s="126"/>
    </row>
    <row r="23" spans="1:21" ht="42" customHeight="1">
      <c r="B23" s="118"/>
      <c r="C23" s="118"/>
      <c r="D23" s="157"/>
      <c r="E23" s="157"/>
      <c r="F23" s="157"/>
      <c r="G23" s="157"/>
      <c r="H23" s="118"/>
      <c r="I23" s="157"/>
      <c r="J23" s="157"/>
      <c r="K23" s="157"/>
      <c r="L23" s="157"/>
      <c r="M23" s="157"/>
      <c r="N23" s="157"/>
      <c r="O23" s="157"/>
      <c r="P23" s="157"/>
      <c r="Q23" s="157"/>
      <c r="R23" s="157"/>
      <c r="S23" s="157"/>
      <c r="T23" s="157"/>
      <c r="U23" s="157"/>
    </row>
    <row r="24" spans="1:21">
      <c r="B24" t="s">
        <v>166</v>
      </c>
      <c r="C24" t="s">
        <v>161</v>
      </c>
    </row>
    <row r="25" spans="1:21">
      <c r="C25" t="s">
        <v>162</v>
      </c>
    </row>
    <row r="26" spans="1:21">
      <c r="C26" t="s">
        <v>163</v>
      </c>
    </row>
    <row r="27" spans="1:21">
      <c r="C27" t="s">
        <v>164</v>
      </c>
    </row>
    <row r="28" spans="1:21">
      <c r="C28" t="s">
        <v>165</v>
      </c>
    </row>
    <row r="30" spans="1:21">
      <c r="A30" t="s">
        <v>167</v>
      </c>
    </row>
    <row r="31" spans="1:21">
      <c r="B31" t="s">
        <v>168</v>
      </c>
    </row>
    <row r="32" spans="1:21">
      <c r="B32" s="160" t="s">
        <v>170</v>
      </c>
      <c r="C32" s="160" t="s">
        <v>135</v>
      </c>
      <c r="D32" s="157" t="s">
        <v>136</v>
      </c>
      <c r="E32" s="157"/>
      <c r="F32" s="157" t="s">
        <v>139</v>
      </c>
      <c r="G32" s="157"/>
      <c r="H32" s="157" t="s">
        <v>140</v>
      </c>
      <c r="I32" s="157"/>
      <c r="J32" s="157"/>
      <c r="K32" s="157"/>
      <c r="L32" s="157"/>
      <c r="M32" s="157"/>
      <c r="N32" s="157"/>
      <c r="O32" s="157"/>
      <c r="P32" s="157"/>
      <c r="Q32" s="157"/>
      <c r="R32" s="157"/>
      <c r="S32" s="157"/>
      <c r="T32" s="160" t="s">
        <v>150</v>
      </c>
      <c r="U32" s="157" t="s">
        <v>84</v>
      </c>
    </row>
    <row r="33" spans="2:21">
      <c r="B33" s="160"/>
      <c r="C33" s="160"/>
      <c r="D33" s="121" t="s">
        <v>137</v>
      </c>
      <c r="E33" s="121" t="s">
        <v>138</v>
      </c>
      <c r="F33" s="121" t="s">
        <v>137</v>
      </c>
      <c r="G33" s="121" t="s">
        <v>138</v>
      </c>
      <c r="H33" s="121" t="s">
        <v>141</v>
      </c>
      <c r="I33" s="121" t="s">
        <v>142</v>
      </c>
      <c r="J33" s="121" t="s">
        <v>143</v>
      </c>
      <c r="K33" s="121" t="s">
        <v>144</v>
      </c>
      <c r="L33" s="121" t="s">
        <v>145</v>
      </c>
      <c r="M33" s="121" t="s">
        <v>146</v>
      </c>
      <c r="N33" s="121" t="s">
        <v>151</v>
      </c>
      <c r="O33" s="121" t="s">
        <v>152</v>
      </c>
      <c r="P33" s="121" t="s">
        <v>153</v>
      </c>
      <c r="Q33" s="121" t="s">
        <v>147</v>
      </c>
      <c r="R33" s="121" t="s">
        <v>148</v>
      </c>
      <c r="S33" s="121" t="s">
        <v>149</v>
      </c>
      <c r="T33" s="160"/>
      <c r="U33" s="157"/>
    </row>
    <row r="34" spans="2:21" ht="56.25" customHeight="1">
      <c r="B34" s="118"/>
      <c r="C34" s="118"/>
      <c r="D34" s="127" t="s">
        <v>169</v>
      </c>
      <c r="E34" s="127" t="s">
        <v>169</v>
      </c>
      <c r="F34" s="118"/>
      <c r="G34" s="118"/>
      <c r="H34" s="118"/>
      <c r="I34" s="118"/>
      <c r="J34" s="118"/>
      <c r="K34" s="118"/>
      <c r="L34" s="118"/>
      <c r="M34" s="118"/>
      <c r="N34" s="118"/>
      <c r="O34" s="118"/>
      <c r="P34" s="118"/>
      <c r="Q34" s="118"/>
      <c r="R34" s="118"/>
      <c r="S34" s="118"/>
      <c r="T34" s="118"/>
      <c r="U34" s="118"/>
    </row>
    <row r="35" spans="2:21">
      <c r="B35" t="s">
        <v>176</v>
      </c>
      <c r="C35" t="s">
        <v>171</v>
      </c>
    </row>
    <row r="36" spans="2:21">
      <c r="C36" t="s">
        <v>172</v>
      </c>
    </row>
    <row r="37" spans="2:21">
      <c r="C37" t="s">
        <v>173</v>
      </c>
    </row>
    <row r="38" spans="2:21" ht="27.75" customHeight="1">
      <c r="C38" s="158" t="s">
        <v>212</v>
      </c>
      <c r="D38" s="158"/>
      <c r="E38" s="158"/>
      <c r="F38" s="158"/>
      <c r="G38" s="158"/>
      <c r="H38" s="158"/>
      <c r="I38" s="158"/>
      <c r="J38" s="158"/>
      <c r="K38" s="158"/>
      <c r="L38" s="158"/>
      <c r="M38" s="158"/>
      <c r="N38" s="158"/>
      <c r="O38" s="158"/>
      <c r="P38" s="158"/>
      <c r="Q38" s="158"/>
      <c r="R38" s="158"/>
      <c r="S38" s="158"/>
      <c r="T38" s="158"/>
      <c r="U38" s="158"/>
    </row>
    <row r="39" spans="2:21" ht="33.75" customHeight="1">
      <c r="C39" s="158" t="s">
        <v>174</v>
      </c>
      <c r="D39" s="158"/>
      <c r="E39" s="158"/>
      <c r="F39" s="158"/>
      <c r="G39" s="158"/>
      <c r="H39" s="158"/>
      <c r="I39" s="158"/>
      <c r="J39" s="158"/>
      <c r="K39" s="158"/>
      <c r="L39" s="158"/>
      <c r="M39" s="158"/>
      <c r="N39" s="158"/>
      <c r="O39" s="158"/>
      <c r="P39" s="158"/>
      <c r="Q39" s="158"/>
      <c r="R39" s="158"/>
      <c r="S39" s="158"/>
      <c r="T39" s="158"/>
      <c r="U39" s="158"/>
    </row>
    <row r="40" spans="2:21">
      <c r="C40" t="s">
        <v>175</v>
      </c>
    </row>
    <row r="42" spans="2:21">
      <c r="B42" t="s">
        <v>177</v>
      </c>
    </row>
    <row r="43" spans="2:21" ht="24.75" customHeight="1">
      <c r="B43" s="172" t="s">
        <v>204</v>
      </c>
      <c r="C43" s="180"/>
      <c r="D43" s="184" t="s">
        <v>178</v>
      </c>
      <c r="E43" s="185"/>
      <c r="F43" s="172" t="s">
        <v>186</v>
      </c>
      <c r="G43" s="173"/>
      <c r="H43" s="176" t="s">
        <v>187</v>
      </c>
      <c r="I43" s="177"/>
      <c r="J43" s="164"/>
      <c r="K43" s="164"/>
      <c r="L43" s="164"/>
      <c r="M43" s="164"/>
      <c r="N43" s="164"/>
      <c r="O43" s="164"/>
      <c r="P43" s="164"/>
      <c r="Q43" s="164"/>
      <c r="R43" s="165"/>
      <c r="S43" s="180" t="s">
        <v>193</v>
      </c>
      <c r="T43" s="168" t="s">
        <v>189</v>
      </c>
      <c r="U43" s="162" t="s">
        <v>84</v>
      </c>
    </row>
    <row r="44" spans="2:21" ht="36.75" customHeight="1">
      <c r="B44" s="174"/>
      <c r="C44" s="181"/>
      <c r="D44" s="170"/>
      <c r="E44" s="171"/>
      <c r="F44" s="174"/>
      <c r="G44" s="175"/>
      <c r="H44" s="178"/>
      <c r="I44" s="179"/>
      <c r="J44" s="160" t="s">
        <v>190</v>
      </c>
      <c r="K44" s="160"/>
      <c r="L44" s="160"/>
      <c r="M44" s="160" t="s">
        <v>191</v>
      </c>
      <c r="N44" s="160"/>
      <c r="O44" s="160"/>
      <c r="P44" s="160" t="s">
        <v>192</v>
      </c>
      <c r="Q44" s="160"/>
      <c r="R44" s="160"/>
      <c r="S44" s="181"/>
      <c r="T44" s="163"/>
      <c r="U44" s="163"/>
    </row>
    <row r="45" spans="2:21" ht="33" customHeight="1">
      <c r="B45" s="182"/>
      <c r="C45" s="183"/>
      <c r="D45" s="186"/>
      <c r="E45" s="187"/>
      <c r="F45" s="136" t="s">
        <v>185</v>
      </c>
      <c r="G45" s="118" t="s">
        <v>184</v>
      </c>
      <c r="H45" s="132" t="s">
        <v>185</v>
      </c>
      <c r="I45" s="129" t="s">
        <v>184</v>
      </c>
      <c r="J45" s="118" t="s">
        <v>184</v>
      </c>
      <c r="K45" s="160" t="s">
        <v>188</v>
      </c>
      <c r="L45" s="160"/>
      <c r="M45" s="127" t="s">
        <v>184</v>
      </c>
      <c r="N45" s="160" t="s">
        <v>188</v>
      </c>
      <c r="O45" s="160"/>
      <c r="P45" s="127" t="s">
        <v>184</v>
      </c>
      <c r="Q45" s="160" t="s">
        <v>188</v>
      </c>
      <c r="R45" s="160"/>
      <c r="S45" s="181"/>
      <c r="T45" s="163"/>
      <c r="U45" s="163"/>
    </row>
    <row r="46" spans="2:21" ht="47.25" customHeight="1">
      <c r="B46" s="184"/>
      <c r="C46" s="185"/>
      <c r="D46" s="163" t="s">
        <v>179</v>
      </c>
      <c r="E46" s="130" t="s">
        <v>180</v>
      </c>
      <c r="F46" s="130" t="s">
        <v>194</v>
      </c>
      <c r="G46" s="133" t="s">
        <v>196</v>
      </c>
      <c r="H46" s="130" t="s">
        <v>195</v>
      </c>
      <c r="I46" s="133" t="s">
        <v>196</v>
      </c>
      <c r="J46" s="133" t="s">
        <v>196</v>
      </c>
      <c r="K46" s="166" t="s">
        <v>197</v>
      </c>
      <c r="L46" s="167"/>
      <c r="M46" s="133" t="s">
        <v>196</v>
      </c>
      <c r="N46" s="166" t="s">
        <v>197</v>
      </c>
      <c r="O46" s="167"/>
      <c r="P46" s="133" t="s">
        <v>196</v>
      </c>
      <c r="Q46" s="166" t="s">
        <v>197</v>
      </c>
      <c r="R46" s="167"/>
      <c r="S46" s="134" t="s">
        <v>198</v>
      </c>
      <c r="T46" s="135" t="s">
        <v>199</v>
      </c>
      <c r="U46" s="128"/>
    </row>
    <row r="47" spans="2:21" ht="47.25" customHeight="1">
      <c r="B47" s="170"/>
      <c r="C47" s="171"/>
      <c r="D47" s="163"/>
      <c r="E47" s="137" t="s">
        <v>181</v>
      </c>
      <c r="F47" s="137"/>
      <c r="G47" s="118"/>
      <c r="H47" s="118"/>
      <c r="I47" s="118"/>
      <c r="J47" s="118"/>
      <c r="K47" s="169"/>
      <c r="L47" s="165"/>
      <c r="M47" s="118"/>
      <c r="N47" s="169"/>
      <c r="O47" s="165"/>
      <c r="P47" s="118"/>
      <c r="Q47" s="169"/>
      <c r="R47" s="165"/>
      <c r="S47" s="118"/>
      <c r="T47" s="118"/>
      <c r="U47" s="129"/>
    </row>
    <row r="48" spans="2:21" ht="57" customHeight="1">
      <c r="B48" s="170"/>
      <c r="C48" s="171"/>
      <c r="D48" s="163"/>
      <c r="E48" s="130" t="s">
        <v>182</v>
      </c>
      <c r="F48" s="130"/>
      <c r="G48" s="129"/>
      <c r="H48" s="129"/>
      <c r="I48" s="129"/>
      <c r="J48" s="129"/>
      <c r="K48" s="170"/>
      <c r="L48" s="171"/>
      <c r="M48" s="129"/>
      <c r="N48" s="170"/>
      <c r="O48" s="171"/>
      <c r="P48" s="129"/>
      <c r="Q48" s="170"/>
      <c r="R48" s="171"/>
      <c r="S48" s="129"/>
      <c r="T48" s="129"/>
      <c r="U48" s="129"/>
    </row>
    <row r="49" spans="1:21" ht="35.25" customHeight="1">
      <c r="B49" s="170"/>
      <c r="C49" s="171"/>
      <c r="D49" s="157" t="s">
        <v>183</v>
      </c>
      <c r="E49" s="157"/>
      <c r="F49" s="157"/>
      <c r="G49" s="121" t="s">
        <v>203</v>
      </c>
      <c r="H49" s="121" t="s">
        <v>203</v>
      </c>
      <c r="I49" s="118"/>
      <c r="J49" s="118"/>
      <c r="K49" s="169"/>
      <c r="L49" s="165"/>
      <c r="M49" s="118"/>
      <c r="N49" s="169"/>
      <c r="O49" s="165"/>
      <c r="P49" s="118"/>
      <c r="Q49" s="169" t="s">
        <v>202</v>
      </c>
      <c r="R49" s="165"/>
      <c r="S49" s="118"/>
      <c r="T49" s="118"/>
      <c r="U49" s="129"/>
    </row>
    <row r="50" spans="1:21" ht="27.75" customHeight="1">
      <c r="B50" s="169" t="s">
        <v>201</v>
      </c>
      <c r="C50" s="164"/>
      <c r="D50" s="164"/>
      <c r="E50" s="164"/>
      <c r="F50" s="164"/>
      <c r="G50" s="164"/>
      <c r="H50" s="165"/>
      <c r="I50" s="131"/>
      <c r="J50" s="131"/>
      <c r="K50" s="186"/>
      <c r="L50" s="187"/>
      <c r="M50" s="131"/>
      <c r="N50" s="186"/>
      <c r="O50" s="187"/>
      <c r="P50" s="131"/>
      <c r="Q50" s="186"/>
      <c r="R50" s="187"/>
      <c r="S50" s="131"/>
      <c r="T50" s="131" t="s">
        <v>200</v>
      </c>
      <c r="U50" s="131"/>
    </row>
    <row r="51" spans="1:21">
      <c r="B51" s="139"/>
    </row>
    <row r="52" spans="1:21" ht="30" customHeight="1">
      <c r="B52" s="139" t="s">
        <v>176</v>
      </c>
      <c r="C52" s="158" t="s">
        <v>205</v>
      </c>
      <c r="D52" s="158"/>
      <c r="E52" s="158"/>
      <c r="F52" s="158"/>
      <c r="G52" s="158"/>
      <c r="H52" s="158"/>
      <c r="I52" s="158"/>
      <c r="J52" s="158"/>
      <c r="K52" s="158"/>
      <c r="L52" s="158"/>
      <c r="M52" s="158"/>
      <c r="N52" s="158"/>
      <c r="O52" s="158"/>
      <c r="P52" s="158"/>
      <c r="Q52" s="158"/>
      <c r="R52" s="158"/>
      <c r="S52" s="158"/>
      <c r="T52" s="158"/>
      <c r="U52" s="158"/>
    </row>
    <row r="53" spans="1:21">
      <c r="C53" t="s">
        <v>206</v>
      </c>
    </row>
    <row r="54" spans="1:21" ht="28.5" customHeight="1">
      <c r="C54" s="158" t="s">
        <v>207</v>
      </c>
      <c r="D54" s="158"/>
      <c r="E54" s="158"/>
      <c r="F54" s="158"/>
      <c r="G54" s="158"/>
      <c r="H54" s="158"/>
      <c r="I54" s="158"/>
      <c r="J54" s="158"/>
      <c r="K54" s="158"/>
      <c r="L54" s="158"/>
      <c r="M54" s="158"/>
      <c r="N54" s="158"/>
      <c r="O54" s="158"/>
      <c r="P54" s="158"/>
      <c r="Q54" s="158"/>
      <c r="R54" s="158"/>
      <c r="S54" s="158"/>
      <c r="T54" s="158"/>
      <c r="U54" s="158"/>
    </row>
    <row r="55" spans="1:21">
      <c r="C55" t="s">
        <v>208</v>
      </c>
    </row>
    <row r="56" spans="1:21" ht="31.5" customHeight="1">
      <c r="C56" s="159" t="s">
        <v>209</v>
      </c>
      <c r="D56" s="159"/>
      <c r="E56" s="159"/>
      <c r="F56" s="159"/>
      <c r="G56" s="159"/>
      <c r="H56" s="159"/>
      <c r="I56" s="159"/>
      <c r="J56" s="159"/>
      <c r="K56" s="159"/>
      <c r="L56" s="159"/>
      <c r="M56" s="159"/>
      <c r="N56" s="159"/>
      <c r="O56" s="159"/>
      <c r="P56" s="159"/>
      <c r="Q56" s="159"/>
      <c r="R56" s="159"/>
      <c r="S56" s="159"/>
      <c r="T56" s="159"/>
      <c r="U56" s="159"/>
    </row>
    <row r="57" spans="1:21" ht="33.75" customHeight="1">
      <c r="C57" s="159" t="s">
        <v>210</v>
      </c>
      <c r="D57" s="159"/>
      <c r="E57" s="159"/>
      <c r="F57" s="159"/>
      <c r="G57" s="159"/>
      <c r="H57" s="159"/>
      <c r="I57" s="159"/>
      <c r="J57" s="159"/>
      <c r="K57" s="159"/>
      <c r="L57" s="159"/>
      <c r="M57" s="159"/>
      <c r="N57" s="159"/>
      <c r="O57" s="159"/>
      <c r="P57" s="159"/>
      <c r="Q57" s="159"/>
      <c r="R57" s="159"/>
      <c r="S57" s="159"/>
      <c r="T57" s="159"/>
      <c r="U57" s="159"/>
    </row>
    <row r="58" spans="1:21" ht="32.25" customHeight="1">
      <c r="C58" s="159" t="s">
        <v>211</v>
      </c>
      <c r="D58" s="159"/>
      <c r="E58" s="159"/>
      <c r="F58" s="159"/>
      <c r="G58" s="159"/>
      <c r="H58" s="159"/>
      <c r="I58" s="159"/>
      <c r="J58" s="159"/>
      <c r="K58" s="159"/>
      <c r="L58" s="159"/>
      <c r="M58" s="159"/>
      <c r="N58" s="159"/>
      <c r="O58" s="159"/>
      <c r="P58" s="159"/>
      <c r="Q58" s="159"/>
      <c r="R58" s="159"/>
      <c r="S58" s="159"/>
      <c r="T58" s="159"/>
      <c r="U58" s="159"/>
    </row>
    <row r="59" spans="1:21">
      <c r="A59" s="124" t="s">
        <v>214</v>
      </c>
    </row>
    <row r="60" spans="1:21" ht="31.5" customHeight="1">
      <c r="B60" s="157" t="s">
        <v>215</v>
      </c>
      <c r="C60" s="157"/>
      <c r="D60" s="157"/>
      <c r="E60" s="157"/>
      <c r="F60" s="157"/>
      <c r="G60" s="157" t="s">
        <v>216</v>
      </c>
      <c r="H60" s="157"/>
      <c r="I60" s="157"/>
      <c r="J60" s="157"/>
      <c r="K60" s="157"/>
      <c r="L60" s="157"/>
      <c r="M60" s="157"/>
      <c r="N60" s="157"/>
      <c r="O60" s="157"/>
      <c r="P60" s="157"/>
      <c r="Q60" s="157"/>
      <c r="R60" s="157"/>
      <c r="S60" s="157"/>
      <c r="T60" s="157"/>
      <c r="U60" s="157"/>
    </row>
    <row r="61" spans="1:21" ht="31.5" customHeight="1">
      <c r="B61" s="157"/>
      <c r="C61" s="157"/>
      <c r="D61" s="157"/>
      <c r="E61" s="157"/>
      <c r="F61" s="157"/>
      <c r="G61" s="157" t="s">
        <v>217</v>
      </c>
      <c r="H61" s="157"/>
      <c r="I61" s="157"/>
      <c r="J61" s="157"/>
      <c r="K61" s="157"/>
      <c r="L61" s="157"/>
      <c r="M61" s="157"/>
      <c r="N61" s="157"/>
      <c r="O61" s="157"/>
      <c r="P61" s="157"/>
      <c r="Q61" s="157"/>
      <c r="R61" s="157"/>
      <c r="S61" s="157"/>
      <c r="T61" s="157"/>
      <c r="U61" s="157"/>
    </row>
    <row r="62" spans="1:21">
      <c r="B62" t="s">
        <v>176</v>
      </c>
      <c r="C62" t="s">
        <v>218</v>
      </c>
    </row>
    <row r="63" spans="1:21" ht="33" customHeight="1">
      <c r="C63" s="159" t="s">
        <v>219</v>
      </c>
      <c r="D63" s="159"/>
      <c r="E63" s="159"/>
      <c r="F63" s="159"/>
      <c r="G63" s="159"/>
      <c r="H63" s="159"/>
      <c r="I63" s="159"/>
      <c r="J63" s="159"/>
      <c r="K63" s="159"/>
      <c r="L63" s="159"/>
      <c r="M63" s="159"/>
      <c r="N63" s="159"/>
      <c r="O63" s="159"/>
      <c r="P63" s="159"/>
      <c r="Q63" s="159"/>
      <c r="R63" s="159"/>
      <c r="S63" s="159"/>
      <c r="T63" s="159"/>
      <c r="U63" s="159"/>
    </row>
    <row r="64" spans="1:21">
      <c r="A64" s="124" t="s">
        <v>220</v>
      </c>
    </row>
    <row r="65" spans="1:21" ht="31.5" customHeight="1">
      <c r="B65" s="157" t="s">
        <v>221</v>
      </c>
      <c r="C65" s="157"/>
      <c r="D65" s="157"/>
      <c r="E65" s="157"/>
      <c r="F65" s="157"/>
      <c r="G65" s="157" t="s">
        <v>222</v>
      </c>
      <c r="H65" s="157"/>
      <c r="I65" s="157"/>
      <c r="J65" s="157"/>
      <c r="K65" s="157"/>
      <c r="L65" s="157" t="s">
        <v>223</v>
      </c>
      <c r="M65" s="157"/>
      <c r="N65" s="157"/>
      <c r="O65" s="157"/>
      <c r="P65" s="157"/>
    </row>
    <row r="66" spans="1:21">
      <c r="B66" t="s">
        <v>176</v>
      </c>
      <c r="C66" t="s">
        <v>224</v>
      </c>
    </row>
    <row r="67" spans="1:21" ht="48" customHeight="1">
      <c r="C67" s="158" t="s">
        <v>225</v>
      </c>
      <c r="D67" s="158"/>
      <c r="E67" s="158"/>
      <c r="F67" s="158"/>
      <c r="G67" s="158"/>
      <c r="H67" s="158"/>
      <c r="I67" s="158"/>
      <c r="J67" s="158"/>
      <c r="K67" s="158"/>
      <c r="L67" s="158"/>
      <c r="M67" s="158"/>
      <c r="N67" s="158"/>
      <c r="O67" s="158"/>
      <c r="P67" s="158"/>
      <c r="Q67" s="158"/>
      <c r="R67" s="158"/>
      <c r="S67" s="158"/>
      <c r="T67" s="158"/>
      <c r="U67" s="158"/>
    </row>
    <row r="68" spans="1:21" ht="42.75" customHeight="1">
      <c r="C68" s="158" t="s">
        <v>226</v>
      </c>
      <c r="D68" s="158"/>
      <c r="E68" s="158"/>
      <c r="F68" s="158"/>
      <c r="G68" s="158"/>
      <c r="H68" s="158"/>
      <c r="I68" s="158"/>
      <c r="J68" s="158"/>
      <c r="K68" s="158"/>
      <c r="L68" s="158"/>
      <c r="M68" s="158"/>
      <c r="N68" s="158"/>
      <c r="O68" s="158"/>
      <c r="P68" s="158"/>
      <c r="Q68" s="158"/>
      <c r="R68" s="158"/>
      <c r="S68" s="158"/>
      <c r="T68" s="158"/>
      <c r="U68" s="158"/>
    </row>
    <row r="69" spans="1:21">
      <c r="A69" s="124" t="s">
        <v>227</v>
      </c>
    </row>
    <row r="70" spans="1:21">
      <c r="B70" t="s">
        <v>228</v>
      </c>
      <c r="H70" t="s">
        <v>231</v>
      </c>
      <c r="J70" s="154"/>
      <c r="K70" s="154"/>
      <c r="L70" t="s">
        <v>232</v>
      </c>
    </row>
    <row r="71" spans="1:21">
      <c r="B71" s="138" t="s">
        <v>230</v>
      </c>
      <c r="C71" s="138"/>
      <c r="D71" s="138"/>
      <c r="E71" s="138"/>
      <c r="F71" s="138"/>
      <c r="G71" s="138"/>
      <c r="H71" s="138" t="s">
        <v>231</v>
      </c>
      <c r="I71" s="138"/>
      <c r="J71" s="155"/>
      <c r="K71" s="155"/>
      <c r="L71" s="138" t="s">
        <v>232</v>
      </c>
    </row>
    <row r="72" spans="1:21">
      <c r="B72" s="138" t="s">
        <v>229</v>
      </c>
      <c r="C72" s="138"/>
      <c r="D72" s="138"/>
      <c r="E72" s="138"/>
      <c r="F72" s="138"/>
      <c r="G72" s="138"/>
      <c r="H72" s="138" t="s">
        <v>231</v>
      </c>
      <c r="I72" s="138"/>
      <c r="J72" s="155"/>
      <c r="K72" s="155"/>
      <c r="L72" s="138" t="s">
        <v>232</v>
      </c>
    </row>
    <row r="73" spans="1:21">
      <c r="B73" t="s">
        <v>176</v>
      </c>
      <c r="C73" t="s">
        <v>233</v>
      </c>
    </row>
    <row r="75" spans="1:21">
      <c r="A75" s="122" t="s">
        <v>234</v>
      </c>
    </row>
    <row r="76" spans="1:21">
      <c r="B76" t="s">
        <v>235</v>
      </c>
    </row>
    <row r="77" spans="1:21">
      <c r="B77" t="s">
        <v>236</v>
      </c>
    </row>
    <row r="78" spans="1:21">
      <c r="B78" t="s">
        <v>238</v>
      </c>
    </row>
    <row r="79" spans="1:21">
      <c r="B79" t="s">
        <v>239</v>
      </c>
    </row>
    <row r="80" spans="1:21">
      <c r="B80" t="s">
        <v>237</v>
      </c>
    </row>
  </sheetData>
  <mergeCells count="85">
    <mergeCell ref="C54:U54"/>
    <mergeCell ref="C56:U56"/>
    <mergeCell ref="C58:U58"/>
    <mergeCell ref="C57:U57"/>
    <mergeCell ref="C38:U38"/>
    <mergeCell ref="B43:C45"/>
    <mergeCell ref="B46:C49"/>
    <mergeCell ref="B50:H50"/>
    <mergeCell ref="C52:U52"/>
    <mergeCell ref="N49:O49"/>
    <mergeCell ref="K50:L50"/>
    <mergeCell ref="N50:O50"/>
    <mergeCell ref="Q50:R50"/>
    <mergeCell ref="D43:E45"/>
    <mergeCell ref="K47:L47"/>
    <mergeCell ref="K48:L48"/>
    <mergeCell ref="R23:S23"/>
    <mergeCell ref="H32:S32"/>
    <mergeCell ref="F32:G32"/>
    <mergeCell ref="F43:G44"/>
    <mergeCell ref="H43:I44"/>
    <mergeCell ref="S43:S45"/>
    <mergeCell ref="J44:L44"/>
    <mergeCell ref="K45:L45"/>
    <mergeCell ref="M44:O44"/>
    <mergeCell ref="N45:O45"/>
    <mergeCell ref="Q45:R45"/>
    <mergeCell ref="P44:R44"/>
    <mergeCell ref="U32:U33"/>
    <mergeCell ref="D49:F49"/>
    <mergeCell ref="D46:D48"/>
    <mergeCell ref="J43:R43"/>
    <mergeCell ref="K46:L46"/>
    <mergeCell ref="U43:U45"/>
    <mergeCell ref="T43:T45"/>
    <mergeCell ref="K49:L49"/>
    <mergeCell ref="Q46:R46"/>
    <mergeCell ref="Q47:R47"/>
    <mergeCell ref="Q48:R48"/>
    <mergeCell ref="Q49:R49"/>
    <mergeCell ref="N46:O46"/>
    <mergeCell ref="N47:O47"/>
    <mergeCell ref="N48:O48"/>
    <mergeCell ref="H21:H22"/>
    <mergeCell ref="T23:U23"/>
    <mergeCell ref="R21:U21"/>
    <mergeCell ref="C39:U39"/>
    <mergeCell ref="D23:E23"/>
    <mergeCell ref="F23:G23"/>
    <mergeCell ref="I23:J23"/>
    <mergeCell ref="K23:M23"/>
    <mergeCell ref="N23:O23"/>
    <mergeCell ref="P23:Q23"/>
    <mergeCell ref="R22:S22"/>
    <mergeCell ref="I21:J22"/>
    <mergeCell ref="K21:M22"/>
    <mergeCell ref="N21:O22"/>
    <mergeCell ref="P21:Q22"/>
    <mergeCell ref="T32:T33"/>
    <mergeCell ref="C32:C33"/>
    <mergeCell ref="B21:B22"/>
    <mergeCell ref="C21:C22"/>
    <mergeCell ref="D21:E22"/>
    <mergeCell ref="F21:G22"/>
    <mergeCell ref="B5:E5"/>
    <mergeCell ref="B6:E6"/>
    <mergeCell ref="B7:E7"/>
    <mergeCell ref="B8:E8"/>
    <mergeCell ref="B10:E10"/>
    <mergeCell ref="J70:K70"/>
    <mergeCell ref="J71:K71"/>
    <mergeCell ref="J72:K72"/>
    <mergeCell ref="K7:M7"/>
    <mergeCell ref="B65:F65"/>
    <mergeCell ref="G65:K65"/>
    <mergeCell ref="L65:P65"/>
    <mergeCell ref="C67:U67"/>
    <mergeCell ref="C68:U68"/>
    <mergeCell ref="B60:F60"/>
    <mergeCell ref="G60:U60"/>
    <mergeCell ref="G61:U61"/>
    <mergeCell ref="B61:F61"/>
    <mergeCell ref="C63:U63"/>
    <mergeCell ref="B32:B33"/>
    <mergeCell ref="D32:E32"/>
  </mergeCells>
  <phoneticPr fontId="5"/>
  <pageMargins left="0.56999999999999995" right="0.47244094488188981" top="0.65" bottom="0.28000000000000003" header="0.31496062992125984" footer="0.19"/>
  <pageSetup paperSize="9" scale="80" orientation="landscape" r:id="rId1"/>
  <rowBreaks count="1" manualBreakCount="1">
    <brk id="58" max="20"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0000"/>
  </sheetPr>
  <dimension ref="A1:I21"/>
  <sheetViews>
    <sheetView view="pageBreakPreview" zoomScale="60" zoomScaleNormal="50" workbookViewId="0">
      <selection activeCell="I30" sqref="I30"/>
    </sheetView>
  </sheetViews>
  <sheetFormatPr defaultRowHeight="14.4"/>
  <cols>
    <col min="1" max="1" width="20" customWidth="1"/>
    <col min="2" max="2" width="14.5" customWidth="1"/>
    <col min="3" max="9" width="11" customWidth="1"/>
  </cols>
  <sheetData>
    <row r="1" spans="1:9">
      <c r="A1" s="96" t="s">
        <v>51</v>
      </c>
      <c r="B1" s="95"/>
      <c r="C1" s="95"/>
      <c r="D1" s="95"/>
      <c r="E1" s="95"/>
      <c r="F1" s="95"/>
      <c r="G1" s="95"/>
      <c r="H1" s="95"/>
      <c r="I1" s="95"/>
    </row>
    <row r="2" spans="1:9" ht="18.75" customHeight="1">
      <c r="A2" s="200" t="s">
        <v>52</v>
      </c>
      <c r="B2" s="200"/>
      <c r="C2" s="200"/>
      <c r="D2" s="200"/>
      <c r="E2" s="200"/>
      <c r="F2" s="200"/>
      <c r="G2" s="200"/>
      <c r="H2" s="200"/>
      <c r="I2" s="200"/>
    </row>
    <row r="3" spans="1:9" ht="18.75" customHeight="1"/>
    <row r="4" spans="1:9" ht="18.75" customHeight="1">
      <c r="A4" s="105" t="s">
        <v>53</v>
      </c>
      <c r="B4" s="188"/>
      <c r="C4" s="189"/>
      <c r="D4" s="189"/>
      <c r="E4" s="190"/>
      <c r="F4" s="188" t="s">
        <v>54</v>
      </c>
      <c r="G4" s="189"/>
      <c r="H4" s="189"/>
      <c r="I4" s="190"/>
    </row>
    <row r="5" spans="1:9" ht="18.75" customHeight="1">
      <c r="A5" s="105" t="s">
        <v>55</v>
      </c>
      <c r="B5" s="188"/>
      <c r="C5" s="189"/>
      <c r="D5" s="189"/>
      <c r="E5" s="190"/>
      <c r="F5" s="105" t="s">
        <v>56</v>
      </c>
      <c r="G5" s="105" t="s">
        <v>57</v>
      </c>
      <c r="H5" s="105" t="s">
        <v>58</v>
      </c>
      <c r="I5" s="105" t="s">
        <v>59</v>
      </c>
    </row>
    <row r="6" spans="1:9" ht="18.75" customHeight="1">
      <c r="A6" s="105" t="s">
        <v>60</v>
      </c>
      <c r="B6" s="188"/>
      <c r="C6" s="189"/>
      <c r="D6" s="189"/>
      <c r="E6" s="190"/>
      <c r="F6" s="100"/>
      <c r="G6" s="100"/>
      <c r="H6" s="100"/>
      <c r="I6" s="101" t="s">
        <v>61</v>
      </c>
    </row>
    <row r="7" spans="1:9" ht="18.75" customHeight="1">
      <c r="A7" s="106" t="s">
        <v>62</v>
      </c>
      <c r="B7" s="188" t="s">
        <v>63</v>
      </c>
      <c r="C7" s="189"/>
      <c r="D7" s="189"/>
      <c r="E7" s="190"/>
      <c r="F7" s="102"/>
      <c r="G7" s="102"/>
      <c r="H7" s="102"/>
      <c r="I7" s="102"/>
    </row>
    <row r="8" spans="1:9" ht="18.75" customHeight="1">
      <c r="A8" s="107" t="s">
        <v>64</v>
      </c>
      <c r="B8" s="105" t="s">
        <v>65</v>
      </c>
      <c r="C8" s="105" t="s">
        <v>66</v>
      </c>
      <c r="D8" s="108" t="s">
        <v>67</v>
      </c>
      <c r="E8" s="108" t="s">
        <v>79</v>
      </c>
      <c r="F8" s="188" t="s">
        <v>68</v>
      </c>
      <c r="G8" s="189"/>
      <c r="H8" s="189"/>
      <c r="I8" s="190"/>
    </row>
    <row r="9" spans="1:9" ht="18.75" customHeight="1">
      <c r="A9" s="98"/>
      <c r="B9" s="105" t="s">
        <v>69</v>
      </c>
      <c r="C9" s="103"/>
      <c r="D9" s="104" t="s">
        <v>61</v>
      </c>
      <c r="E9" s="104" t="s">
        <v>61</v>
      </c>
      <c r="F9" s="191"/>
      <c r="G9" s="192"/>
      <c r="H9" s="192"/>
      <c r="I9" s="193"/>
    </row>
    <row r="10" spans="1:9" ht="18.75" customHeight="1">
      <c r="A10" s="99"/>
      <c r="B10" s="105" t="s">
        <v>70</v>
      </c>
      <c r="C10" s="103"/>
      <c r="D10" s="103"/>
      <c r="E10" s="103"/>
      <c r="F10" s="194"/>
      <c r="G10" s="195"/>
      <c r="H10" s="195"/>
      <c r="I10" s="196"/>
    </row>
    <row r="11" spans="1:9" ht="18.75" customHeight="1">
      <c r="A11" s="99"/>
      <c r="B11" s="105" t="s">
        <v>71</v>
      </c>
      <c r="C11" s="103"/>
      <c r="D11" s="103"/>
      <c r="E11" s="103"/>
      <c r="F11" s="194"/>
      <c r="G11" s="195"/>
      <c r="H11" s="195"/>
      <c r="I11" s="196"/>
    </row>
    <row r="12" spans="1:9" ht="18.75" customHeight="1">
      <c r="A12" s="97"/>
      <c r="B12" s="105" t="s">
        <v>72</v>
      </c>
      <c r="C12" s="103"/>
      <c r="D12" s="103"/>
      <c r="E12" s="103"/>
      <c r="F12" s="194"/>
      <c r="G12" s="195"/>
      <c r="H12" s="195"/>
      <c r="I12" s="196"/>
    </row>
    <row r="13" spans="1:9" ht="18.75" customHeight="1">
      <c r="A13" s="106" t="s">
        <v>73</v>
      </c>
      <c r="B13" s="109" t="s">
        <v>242</v>
      </c>
      <c r="C13" s="110"/>
      <c r="D13" s="110"/>
      <c r="E13" s="110"/>
      <c r="F13" s="194"/>
      <c r="G13" s="195"/>
      <c r="H13" s="195"/>
      <c r="I13" s="196"/>
    </row>
    <row r="14" spans="1:9" ht="18.75" customHeight="1">
      <c r="A14" s="111"/>
      <c r="B14" s="112"/>
      <c r="C14" s="113"/>
      <c r="D14" s="113"/>
      <c r="E14" s="113"/>
      <c r="F14" s="197"/>
      <c r="G14" s="198"/>
      <c r="H14" s="198"/>
      <c r="I14" s="199"/>
    </row>
    <row r="15" spans="1:9" ht="18.75" customHeight="1">
      <c r="A15" s="111" t="s">
        <v>74</v>
      </c>
      <c r="B15" s="112" t="s">
        <v>242</v>
      </c>
      <c r="C15" s="113"/>
      <c r="D15" s="113"/>
      <c r="E15" s="114"/>
      <c r="F15" s="188" t="s">
        <v>75</v>
      </c>
      <c r="G15" s="189"/>
      <c r="H15" s="189"/>
      <c r="I15" s="190"/>
    </row>
    <row r="16" spans="1:9" ht="18.75" customHeight="1">
      <c r="A16" s="111"/>
      <c r="B16" s="112"/>
      <c r="C16" s="113"/>
      <c r="D16" s="113"/>
      <c r="E16" s="114"/>
      <c r="F16" s="191"/>
      <c r="G16" s="192"/>
      <c r="H16" s="192"/>
      <c r="I16" s="193"/>
    </row>
    <row r="17" spans="1:9" ht="18.75" customHeight="1">
      <c r="A17" s="111" t="s">
        <v>76</v>
      </c>
      <c r="B17" s="112" t="s">
        <v>243</v>
      </c>
      <c r="C17" s="113"/>
      <c r="D17" s="113"/>
      <c r="E17" s="114"/>
      <c r="F17" s="194"/>
      <c r="G17" s="195"/>
      <c r="H17" s="195"/>
      <c r="I17" s="196"/>
    </row>
    <row r="18" spans="1:9" ht="18.75" customHeight="1">
      <c r="A18" s="111"/>
      <c r="B18" s="112"/>
      <c r="C18" s="113"/>
      <c r="D18" s="113"/>
      <c r="E18" s="114"/>
      <c r="F18" s="194"/>
      <c r="G18" s="195"/>
      <c r="H18" s="195"/>
      <c r="I18" s="196"/>
    </row>
    <row r="19" spans="1:9" ht="18.75" customHeight="1">
      <c r="A19" s="111" t="s">
        <v>77</v>
      </c>
      <c r="B19" s="112" t="s">
        <v>243</v>
      </c>
      <c r="C19" s="113"/>
      <c r="D19" s="113"/>
      <c r="E19" s="114"/>
      <c r="F19" s="194"/>
      <c r="G19" s="195"/>
      <c r="H19" s="195"/>
      <c r="I19" s="196"/>
    </row>
    <row r="20" spans="1:9" ht="18.75" customHeight="1">
      <c r="A20" s="111"/>
      <c r="B20" s="112"/>
      <c r="C20" s="113"/>
      <c r="D20" s="113"/>
      <c r="E20" s="114"/>
      <c r="F20" s="194"/>
      <c r="G20" s="195"/>
      <c r="H20" s="195"/>
      <c r="I20" s="196"/>
    </row>
    <row r="21" spans="1:9" ht="18.75" customHeight="1">
      <c r="A21" s="107" t="s">
        <v>78</v>
      </c>
      <c r="B21" s="115" t="s">
        <v>244</v>
      </c>
      <c r="C21" s="116"/>
      <c r="D21" s="116"/>
      <c r="E21" s="117"/>
      <c r="F21" s="197"/>
      <c r="G21" s="198"/>
      <c r="H21" s="198"/>
      <c r="I21" s="199"/>
    </row>
  </sheetData>
  <mergeCells count="10">
    <mergeCell ref="F8:I8"/>
    <mergeCell ref="F9:I14"/>
    <mergeCell ref="F15:I15"/>
    <mergeCell ref="F16:I21"/>
    <mergeCell ref="A2:I2"/>
    <mergeCell ref="B4:E4"/>
    <mergeCell ref="F4:I4"/>
    <mergeCell ref="B5:E5"/>
    <mergeCell ref="B6:E6"/>
    <mergeCell ref="B7:E7"/>
  </mergeCells>
  <phoneticPr fontId="5"/>
  <pageMargins left="0.70866141732283472" right="0.56000000000000005" top="0.74803149606299213" bottom="0.74803149606299213" header="0.31496062992125984" footer="0.31496062992125984"/>
  <pageSetup paperSize="9" scale="90"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Q27"/>
  <sheetViews>
    <sheetView view="pageBreakPreview" zoomScale="60" zoomScaleNormal="100" workbookViewId="0">
      <selection activeCell="X14" sqref="X14"/>
    </sheetView>
  </sheetViews>
  <sheetFormatPr defaultRowHeight="14.4"/>
  <cols>
    <col min="5" max="5" width="10.59765625" customWidth="1"/>
    <col min="8" max="8" width="11" customWidth="1"/>
    <col min="12" max="12" width="11.19921875" customWidth="1"/>
    <col min="15" max="15" width="10.69921875" customWidth="1"/>
  </cols>
  <sheetData>
    <row r="1" spans="1:17">
      <c r="A1" s="93" t="s">
        <v>10</v>
      </c>
      <c r="B1" s="10"/>
      <c r="C1" s="10"/>
      <c r="D1" s="10"/>
      <c r="E1" s="10"/>
      <c r="F1" s="10"/>
      <c r="G1" s="10"/>
      <c r="H1" s="10"/>
      <c r="I1" s="10"/>
      <c r="J1" s="10"/>
      <c r="K1" s="10"/>
      <c r="L1" s="10"/>
      <c r="M1" s="10"/>
      <c r="N1" s="10"/>
      <c r="O1" s="10"/>
      <c r="P1" s="10"/>
      <c r="Q1" s="10"/>
    </row>
    <row r="3" spans="1:17" ht="16.2">
      <c r="A3" s="10"/>
      <c r="B3" s="94" t="s">
        <v>11</v>
      </c>
      <c r="C3" s="13"/>
      <c r="D3" s="13"/>
      <c r="E3" s="13"/>
      <c r="F3" s="14"/>
      <c r="G3" s="14"/>
      <c r="H3" s="13"/>
      <c r="I3" s="14"/>
      <c r="J3" s="14"/>
      <c r="K3" s="13"/>
      <c r="L3" s="13"/>
      <c r="M3" s="13"/>
      <c r="N3" s="13"/>
      <c r="O3" s="13"/>
      <c r="P3" s="13"/>
      <c r="Q3" s="13"/>
    </row>
    <row r="4" spans="1:17">
      <c r="A4" s="10"/>
      <c r="B4" s="10"/>
      <c r="C4" s="10"/>
      <c r="D4" s="10"/>
      <c r="E4" s="10"/>
      <c r="F4" s="10"/>
      <c r="G4" s="10"/>
      <c r="H4" s="10"/>
      <c r="I4" s="10"/>
      <c r="J4" s="10"/>
      <c r="K4" s="10"/>
      <c r="L4" s="10"/>
      <c r="M4" s="10"/>
      <c r="N4" s="10"/>
      <c r="O4" s="12" t="s">
        <v>12</v>
      </c>
      <c r="P4" s="12"/>
      <c r="Q4" s="10"/>
    </row>
    <row r="5" spans="1:17">
      <c r="A5" s="15" t="s">
        <v>13</v>
      </c>
      <c r="B5" s="16" t="s">
        <v>14</v>
      </c>
      <c r="C5" s="17" t="s">
        <v>15</v>
      </c>
      <c r="D5" s="18" t="s">
        <v>16</v>
      </c>
      <c r="E5" s="19"/>
      <c r="F5" s="20"/>
      <c r="G5" s="21" t="s">
        <v>17</v>
      </c>
      <c r="H5" s="19"/>
      <c r="I5" s="19"/>
      <c r="J5" s="22"/>
      <c r="K5" s="18" t="s">
        <v>18</v>
      </c>
      <c r="L5" s="21"/>
      <c r="M5" s="21"/>
      <c r="N5" s="22"/>
      <c r="O5" s="23" t="s">
        <v>19</v>
      </c>
      <c r="P5" s="17" t="s">
        <v>20</v>
      </c>
      <c r="Q5" s="10"/>
    </row>
    <row r="6" spans="1:17">
      <c r="A6" s="24"/>
      <c r="B6" s="25"/>
      <c r="C6" s="26"/>
      <c r="D6" s="27" t="s">
        <v>21</v>
      </c>
      <c r="E6" s="28" t="s">
        <v>50</v>
      </c>
      <c r="F6" s="29" t="s">
        <v>22</v>
      </c>
      <c r="G6" s="30" t="s">
        <v>21</v>
      </c>
      <c r="H6" s="29" t="s">
        <v>23</v>
      </c>
      <c r="I6" s="28" t="s">
        <v>22</v>
      </c>
      <c r="J6" s="31" t="s">
        <v>24</v>
      </c>
      <c r="K6" s="30" t="s">
        <v>21</v>
      </c>
      <c r="L6" s="27" t="s">
        <v>25</v>
      </c>
      <c r="M6" s="30" t="s">
        <v>22</v>
      </c>
      <c r="N6" s="32" t="s">
        <v>26</v>
      </c>
      <c r="O6" s="33" t="s">
        <v>27</v>
      </c>
      <c r="P6" s="34"/>
      <c r="Q6" s="10"/>
    </row>
    <row r="7" spans="1:17" ht="18" customHeight="1">
      <c r="A7" s="24"/>
      <c r="B7" s="25"/>
      <c r="C7" s="35"/>
      <c r="D7" s="30"/>
      <c r="E7" s="36"/>
      <c r="F7" s="36"/>
      <c r="G7" s="36"/>
      <c r="H7" s="36"/>
      <c r="I7" s="36"/>
      <c r="J7" s="36"/>
      <c r="K7" s="36"/>
      <c r="L7" s="36"/>
      <c r="M7" s="36"/>
      <c r="N7" s="37"/>
      <c r="O7" s="38"/>
      <c r="P7" s="34"/>
      <c r="Q7" s="10"/>
    </row>
    <row r="8" spans="1:17" ht="18" customHeight="1">
      <c r="A8" s="39"/>
      <c r="B8" s="30"/>
      <c r="C8" s="35"/>
      <c r="D8" s="30"/>
      <c r="E8" s="40"/>
      <c r="F8" s="41"/>
      <c r="G8" s="30"/>
      <c r="H8" s="41"/>
      <c r="I8" s="40"/>
      <c r="J8" s="42"/>
      <c r="K8" s="30"/>
      <c r="L8" s="40"/>
      <c r="M8" s="41"/>
      <c r="N8" s="37"/>
      <c r="O8" s="38"/>
      <c r="P8" s="43"/>
      <c r="Q8" s="10"/>
    </row>
    <row r="9" spans="1:17" ht="18" customHeight="1">
      <c r="A9" s="44"/>
      <c r="B9" s="45"/>
      <c r="C9" s="46"/>
      <c r="D9" s="45"/>
      <c r="E9" s="47"/>
      <c r="F9" s="48"/>
      <c r="G9" s="45"/>
      <c r="H9" s="48"/>
      <c r="I9" s="47"/>
      <c r="J9" s="49"/>
      <c r="K9" s="45"/>
      <c r="L9" s="47"/>
      <c r="M9" s="48"/>
      <c r="N9" s="37"/>
      <c r="O9" s="50"/>
      <c r="P9" s="51"/>
      <c r="Q9" s="10"/>
    </row>
    <row r="10" spans="1:17" ht="18" customHeight="1">
      <c r="A10" s="39"/>
      <c r="B10" s="30"/>
      <c r="C10" s="35"/>
      <c r="D10" s="30"/>
      <c r="E10" s="40"/>
      <c r="F10" s="41"/>
      <c r="G10" s="30"/>
      <c r="H10" s="41"/>
      <c r="I10" s="40"/>
      <c r="J10" s="42"/>
      <c r="K10" s="30"/>
      <c r="L10" s="40"/>
      <c r="M10" s="41"/>
      <c r="N10" s="37"/>
      <c r="O10" s="38"/>
      <c r="P10" s="43"/>
      <c r="Q10" s="10"/>
    </row>
    <row r="11" spans="1:17" ht="18" customHeight="1">
      <c r="A11" s="44"/>
      <c r="B11" s="45"/>
      <c r="C11" s="46"/>
      <c r="D11" s="45"/>
      <c r="E11" s="47"/>
      <c r="F11" s="48"/>
      <c r="G11" s="45"/>
      <c r="H11" s="48"/>
      <c r="I11" s="47"/>
      <c r="J11" s="49"/>
      <c r="K11" s="45"/>
      <c r="L11" s="47"/>
      <c r="M11" s="48"/>
      <c r="N11" s="37"/>
      <c r="O11" s="50"/>
      <c r="P11" s="51"/>
      <c r="Q11" s="10"/>
    </row>
    <row r="12" spans="1:17" ht="18" customHeight="1">
      <c r="A12" s="39"/>
      <c r="B12" s="42"/>
      <c r="C12" s="35"/>
      <c r="D12" s="30"/>
      <c r="E12" s="40"/>
      <c r="F12" s="41"/>
      <c r="G12" s="30"/>
      <c r="H12" s="41"/>
      <c r="I12" s="40"/>
      <c r="J12" s="42"/>
      <c r="K12" s="30"/>
      <c r="L12" s="40"/>
      <c r="M12" s="41"/>
      <c r="N12" s="37"/>
      <c r="O12" s="38"/>
      <c r="P12" s="43"/>
      <c r="Q12" s="10"/>
    </row>
    <row r="13" spans="1:17" ht="18" customHeight="1">
      <c r="A13" s="44"/>
      <c r="B13" s="52"/>
      <c r="C13" s="46"/>
      <c r="D13" s="45"/>
      <c r="E13" s="47"/>
      <c r="F13" s="48"/>
      <c r="G13" s="45"/>
      <c r="H13" s="48"/>
      <c r="I13" s="47"/>
      <c r="J13" s="49"/>
      <c r="K13" s="45"/>
      <c r="L13" s="47"/>
      <c r="M13" s="48"/>
      <c r="N13" s="37"/>
      <c r="O13" s="50"/>
      <c r="P13" s="51"/>
      <c r="Q13" s="10"/>
    </row>
    <row r="14" spans="1:17" ht="18" customHeight="1">
      <c r="A14" s="53"/>
      <c r="B14" s="42"/>
      <c r="C14" s="54"/>
      <c r="D14" s="30"/>
      <c r="E14" s="40"/>
      <c r="F14" s="41"/>
      <c r="G14" s="55"/>
      <c r="H14" s="41"/>
      <c r="I14" s="40"/>
      <c r="J14" s="42"/>
      <c r="K14" s="30"/>
      <c r="L14" s="40"/>
      <c r="M14" s="41"/>
      <c r="N14" s="37"/>
      <c r="O14" s="42"/>
      <c r="P14" s="43"/>
      <c r="Q14" s="10"/>
    </row>
    <row r="15" spans="1:17" ht="18" customHeight="1">
      <c r="A15" s="24" t="s">
        <v>28</v>
      </c>
      <c r="B15" s="56"/>
      <c r="C15" s="27"/>
      <c r="D15" s="25"/>
      <c r="E15" s="57"/>
      <c r="F15" s="58"/>
      <c r="G15" s="59"/>
      <c r="H15" s="58"/>
      <c r="I15" s="57"/>
      <c r="J15" s="42"/>
      <c r="K15" s="25"/>
      <c r="L15" s="57"/>
      <c r="M15" s="58"/>
      <c r="N15" s="37"/>
      <c r="O15" s="56"/>
      <c r="P15" s="34"/>
      <c r="Q15" s="10"/>
    </row>
    <row r="16" spans="1:17">
      <c r="A16" s="10"/>
      <c r="B16" s="10"/>
      <c r="C16" s="10"/>
      <c r="D16" s="10"/>
      <c r="E16" s="10"/>
      <c r="F16" s="10"/>
      <c r="G16" s="10"/>
      <c r="H16" s="10"/>
      <c r="I16" s="10"/>
      <c r="J16" s="10"/>
      <c r="K16" s="10"/>
      <c r="L16" s="10"/>
      <c r="M16" s="60"/>
      <c r="N16" s="11" t="s">
        <v>29</v>
      </c>
      <c r="O16" s="10"/>
      <c r="P16" s="10"/>
      <c r="Q16" s="10"/>
    </row>
    <row r="17" spans="1:17">
      <c r="A17" s="10"/>
      <c r="B17" s="10"/>
      <c r="C17" s="10"/>
      <c r="D17" s="10"/>
      <c r="E17" s="10"/>
      <c r="F17" s="10"/>
      <c r="G17" s="10"/>
      <c r="H17" s="10"/>
      <c r="I17" s="10"/>
      <c r="J17" s="10"/>
      <c r="K17" s="10"/>
      <c r="L17" s="10"/>
      <c r="M17" s="60"/>
      <c r="N17" s="11" t="s">
        <v>30</v>
      </c>
      <c r="O17" s="10"/>
      <c r="P17" s="10"/>
      <c r="Q17" s="10"/>
    </row>
    <row r="20" spans="1:17" ht="16.2">
      <c r="A20" s="10"/>
      <c r="B20" s="94" t="s">
        <v>31</v>
      </c>
      <c r="C20" s="13"/>
      <c r="D20" s="13"/>
      <c r="E20" s="13"/>
      <c r="F20" s="14"/>
      <c r="G20" s="14"/>
      <c r="H20" s="13"/>
      <c r="I20" s="14"/>
      <c r="J20" s="14"/>
      <c r="K20" s="13"/>
      <c r="L20" s="13"/>
      <c r="M20" s="13"/>
      <c r="N20" s="13"/>
      <c r="O20" s="13"/>
      <c r="P20" s="13"/>
      <c r="Q20" s="13"/>
    </row>
    <row r="21" spans="1:17">
      <c r="A21" s="10"/>
      <c r="B21" s="10"/>
      <c r="C21" s="10"/>
      <c r="D21" s="10"/>
      <c r="E21" s="10"/>
      <c r="F21" s="10"/>
      <c r="G21" s="10"/>
      <c r="H21" s="10"/>
      <c r="I21" s="10"/>
      <c r="J21" s="10"/>
      <c r="K21" s="10"/>
      <c r="L21" s="10"/>
      <c r="M21" s="10"/>
      <c r="N21" s="10"/>
      <c r="O21" s="12" t="s">
        <v>32</v>
      </c>
      <c r="P21" s="12"/>
      <c r="Q21" s="10"/>
    </row>
    <row r="22" spans="1:17">
      <c r="A22" s="49"/>
      <c r="B22" s="61" t="s">
        <v>33</v>
      </c>
      <c r="C22" s="62"/>
      <c r="D22" s="63" t="s">
        <v>34</v>
      </c>
      <c r="E22" s="62"/>
      <c r="F22" s="63" t="s">
        <v>35</v>
      </c>
      <c r="G22" s="62"/>
      <c r="H22" s="61" t="s">
        <v>36</v>
      </c>
      <c r="I22" s="62"/>
      <c r="J22" s="63" t="s">
        <v>37</v>
      </c>
      <c r="K22" s="62"/>
      <c r="L22" s="16" t="s">
        <v>38</v>
      </c>
      <c r="M22" s="61" t="s">
        <v>39</v>
      </c>
      <c r="N22" s="64"/>
      <c r="O22" s="61" t="s">
        <v>40</v>
      </c>
      <c r="P22" s="62"/>
      <c r="Q22" s="10"/>
    </row>
    <row r="23" spans="1:17">
      <c r="A23" s="52"/>
      <c r="B23" s="65"/>
      <c r="C23" s="66" t="s">
        <v>41</v>
      </c>
      <c r="D23" s="65"/>
      <c r="E23" s="67"/>
      <c r="F23" s="68"/>
      <c r="G23" s="34"/>
      <c r="H23" s="69" t="s">
        <v>42</v>
      </c>
      <c r="I23" s="70"/>
      <c r="J23" s="68"/>
      <c r="K23" s="66" t="s">
        <v>43</v>
      </c>
      <c r="L23" s="71" t="s">
        <v>44</v>
      </c>
      <c r="M23" s="72" t="s">
        <v>45</v>
      </c>
      <c r="N23" s="73"/>
      <c r="O23" s="65"/>
      <c r="P23" s="66" t="s">
        <v>46</v>
      </c>
      <c r="Q23" s="10"/>
    </row>
    <row r="24" spans="1:17" ht="23.25" customHeight="1">
      <c r="A24" s="16" t="s">
        <v>47</v>
      </c>
      <c r="B24" s="53"/>
      <c r="C24" s="74"/>
      <c r="D24" s="75"/>
      <c r="E24" s="74"/>
      <c r="F24" s="76"/>
      <c r="G24" s="74"/>
      <c r="H24" s="55"/>
      <c r="I24" s="77"/>
      <c r="J24" s="78"/>
      <c r="K24" s="77"/>
      <c r="L24" s="79"/>
      <c r="M24" s="53"/>
      <c r="N24" s="74"/>
      <c r="O24" s="80"/>
      <c r="P24" s="74"/>
      <c r="Q24" s="10"/>
    </row>
    <row r="25" spans="1:17" ht="23.25" customHeight="1">
      <c r="A25" s="30" t="s">
        <v>48</v>
      </c>
      <c r="B25" s="81"/>
      <c r="C25" s="22"/>
      <c r="D25" s="82"/>
      <c r="E25" s="83"/>
      <c r="F25" s="81"/>
      <c r="G25" s="84"/>
      <c r="H25" s="85"/>
      <c r="I25" s="86"/>
      <c r="J25" s="87"/>
      <c r="K25" s="88"/>
      <c r="L25" s="87"/>
      <c r="M25" s="89"/>
      <c r="N25" s="90"/>
      <c r="O25" s="14"/>
      <c r="P25" s="22"/>
      <c r="Q25" s="10"/>
    </row>
    <row r="26" spans="1:17" ht="23.25" customHeight="1">
      <c r="A26" s="30" t="s">
        <v>49</v>
      </c>
      <c r="B26" s="53"/>
      <c r="C26" s="91"/>
      <c r="D26" s="39"/>
      <c r="E26" s="92"/>
      <c r="F26" s="78"/>
      <c r="G26" s="43"/>
      <c r="H26" s="55"/>
      <c r="I26" s="40"/>
      <c r="J26" s="78"/>
      <c r="K26" s="43"/>
      <c r="L26" s="42"/>
      <c r="M26" s="53"/>
      <c r="N26" s="43"/>
      <c r="O26" s="55"/>
      <c r="P26" s="43"/>
      <c r="Q26" s="10"/>
    </row>
    <row r="27" spans="1:17">
      <c r="A27" s="10"/>
      <c r="B27" s="10"/>
      <c r="C27" s="10"/>
      <c r="D27" s="10"/>
      <c r="E27" s="10"/>
      <c r="F27" s="10"/>
      <c r="G27" s="10"/>
      <c r="H27" s="10"/>
      <c r="I27" s="10"/>
      <c r="J27" s="10"/>
      <c r="K27" s="10"/>
      <c r="L27" s="10"/>
      <c r="M27" s="10"/>
      <c r="N27" s="10"/>
      <c r="O27" s="10"/>
      <c r="P27" s="10"/>
      <c r="Q27" s="10"/>
    </row>
  </sheetData>
  <phoneticPr fontId="5"/>
  <pageMargins left="0.70866141732283472" right="0.70866141732283472" top="0.74803149606299213" bottom="0.74803149606299213" header="0.31496062992125984" footer="0.31496062992125984"/>
  <pageSetup paperSize="9" scale="80"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V10"/>
  <sheetViews>
    <sheetView view="pageBreakPreview" zoomScale="60" zoomScaleNormal="100" workbookViewId="0">
      <selection activeCell="O7" sqref="O6:O7"/>
    </sheetView>
  </sheetViews>
  <sheetFormatPr defaultRowHeight="14.4"/>
  <cols>
    <col min="3" max="21" width="5.5" customWidth="1"/>
  </cols>
  <sheetData>
    <row r="1" spans="1:22">
      <c r="A1" s="2" t="s">
        <v>0</v>
      </c>
      <c r="B1" s="1"/>
      <c r="C1" s="1"/>
      <c r="D1" s="1"/>
      <c r="E1" s="1"/>
      <c r="F1" s="1"/>
      <c r="G1" s="1"/>
      <c r="H1" s="1"/>
      <c r="I1" s="1"/>
      <c r="J1" s="1"/>
      <c r="K1" s="1"/>
      <c r="L1" s="1"/>
      <c r="M1" s="1"/>
      <c r="N1" s="1"/>
      <c r="O1" s="1"/>
      <c r="P1" s="1"/>
      <c r="Q1" s="1"/>
      <c r="R1" s="1"/>
      <c r="S1" s="1"/>
      <c r="T1" s="1"/>
      <c r="U1" s="1"/>
      <c r="V1" s="1"/>
    </row>
    <row r="2" spans="1:22" ht="16.2">
      <c r="A2" s="1"/>
      <c r="B2" s="204" t="s">
        <v>1</v>
      </c>
      <c r="C2" s="204"/>
      <c r="D2" s="204"/>
      <c r="E2" s="204"/>
      <c r="F2" s="204"/>
      <c r="G2" s="204"/>
      <c r="H2" s="204"/>
      <c r="I2" s="204"/>
      <c r="J2" s="204"/>
      <c r="K2" s="204"/>
      <c r="L2" s="204"/>
      <c r="M2" s="204"/>
      <c r="N2" s="204"/>
      <c r="O2" s="204"/>
      <c r="P2" s="204"/>
      <c r="Q2" s="204"/>
      <c r="R2" s="204"/>
      <c r="S2" s="204"/>
      <c r="T2" s="204"/>
      <c r="U2" s="204"/>
      <c r="V2" s="1"/>
    </row>
    <row r="4" spans="1:22">
      <c r="A4" s="2" t="s">
        <v>2</v>
      </c>
      <c r="B4" s="1"/>
      <c r="C4" s="1"/>
      <c r="D4" s="1"/>
      <c r="E4" s="1"/>
      <c r="F4" s="1"/>
      <c r="G4" s="1"/>
      <c r="H4" s="1"/>
      <c r="I4" s="1"/>
      <c r="J4" s="1"/>
      <c r="K4" s="1"/>
      <c r="L4" s="1"/>
      <c r="M4" s="1"/>
      <c r="N4" s="1"/>
      <c r="O4" s="1"/>
      <c r="P4" s="1"/>
      <c r="Q4" s="1"/>
      <c r="R4" s="1"/>
      <c r="S4" s="1"/>
      <c r="T4" s="1"/>
      <c r="U4" s="1"/>
      <c r="V4" s="1"/>
    </row>
    <row r="5" spans="1:22">
      <c r="A5" s="5" t="s">
        <v>3</v>
      </c>
      <c r="B5" s="5" t="s">
        <v>4</v>
      </c>
      <c r="C5" s="201" t="s">
        <v>5</v>
      </c>
      <c r="D5" s="202"/>
      <c r="E5" s="202"/>
      <c r="F5" s="202"/>
      <c r="G5" s="202"/>
      <c r="H5" s="202"/>
      <c r="I5" s="202"/>
      <c r="J5" s="202"/>
      <c r="K5" s="202"/>
      <c r="L5" s="202"/>
      <c r="M5" s="202"/>
      <c r="N5" s="203"/>
      <c r="O5" s="201" t="s">
        <v>6</v>
      </c>
      <c r="P5" s="202"/>
      <c r="Q5" s="202"/>
      <c r="R5" s="202"/>
      <c r="S5" s="202"/>
      <c r="T5" s="202"/>
      <c r="U5" s="203"/>
      <c r="V5" s="5" t="s">
        <v>7</v>
      </c>
    </row>
    <row r="6" spans="1:22" ht="22.5" customHeight="1">
      <c r="A6" s="3"/>
      <c r="B6" s="3"/>
      <c r="C6" s="6">
        <v>4</v>
      </c>
      <c r="D6" s="6">
        <v>5</v>
      </c>
      <c r="E6" s="6">
        <v>6</v>
      </c>
      <c r="F6" s="6">
        <v>7</v>
      </c>
      <c r="G6" s="6">
        <v>8</v>
      </c>
      <c r="H6" s="6">
        <v>9</v>
      </c>
      <c r="I6" s="6">
        <v>10</v>
      </c>
      <c r="J6" s="6">
        <v>11</v>
      </c>
      <c r="K6" s="6">
        <v>12</v>
      </c>
      <c r="L6" s="6">
        <v>1</v>
      </c>
      <c r="M6" s="6">
        <v>2</v>
      </c>
      <c r="N6" s="6">
        <v>3</v>
      </c>
      <c r="O6" s="6">
        <v>4</v>
      </c>
      <c r="P6" s="6">
        <v>5</v>
      </c>
      <c r="Q6" s="6">
        <v>6</v>
      </c>
      <c r="R6" s="6">
        <v>7</v>
      </c>
      <c r="S6" s="6">
        <v>8</v>
      </c>
      <c r="T6" s="6">
        <v>9</v>
      </c>
      <c r="U6" s="6">
        <v>10</v>
      </c>
      <c r="V6" s="3"/>
    </row>
    <row r="7" spans="1:22" ht="88.5" customHeight="1">
      <c r="A7" s="4"/>
      <c r="B7" s="4"/>
      <c r="C7" s="4"/>
      <c r="D7" s="4"/>
      <c r="E7" s="4"/>
      <c r="F7" s="4"/>
      <c r="G7" s="4"/>
      <c r="H7" s="4"/>
      <c r="I7" s="4"/>
      <c r="J7" s="4"/>
      <c r="K7" s="4"/>
      <c r="L7" s="4"/>
      <c r="M7" s="4"/>
      <c r="N7" s="4"/>
      <c r="O7" s="4"/>
      <c r="P7" s="4"/>
      <c r="Q7" s="4"/>
      <c r="R7" s="4"/>
      <c r="S7" s="4"/>
      <c r="T7" s="4"/>
      <c r="U7" s="4"/>
      <c r="V7" s="7" t="s">
        <v>8</v>
      </c>
    </row>
    <row r="8" spans="1:22" ht="88.5" customHeight="1">
      <c r="A8" s="4"/>
      <c r="B8" s="4"/>
      <c r="C8" s="4"/>
      <c r="D8" s="4"/>
      <c r="E8" s="4"/>
      <c r="F8" s="4"/>
      <c r="G8" s="4"/>
      <c r="H8" s="4"/>
      <c r="I8" s="4"/>
      <c r="J8" s="4"/>
      <c r="K8" s="4"/>
      <c r="L8" s="4"/>
      <c r="M8" s="4"/>
      <c r="N8" s="4"/>
      <c r="O8" s="4"/>
      <c r="P8" s="4"/>
      <c r="Q8" s="4"/>
      <c r="R8" s="4"/>
      <c r="S8" s="4"/>
      <c r="T8" s="4"/>
      <c r="U8" s="4"/>
      <c r="V8" s="8" t="s">
        <v>9</v>
      </c>
    </row>
    <row r="9" spans="1:22" ht="88.5" customHeight="1">
      <c r="A9" s="4"/>
      <c r="B9" s="4"/>
      <c r="C9" s="4"/>
      <c r="D9" s="4"/>
      <c r="E9" s="4"/>
      <c r="F9" s="4"/>
      <c r="G9" s="4"/>
      <c r="H9" s="4"/>
      <c r="I9" s="4"/>
      <c r="J9" s="4"/>
      <c r="K9" s="4"/>
      <c r="L9" s="4"/>
      <c r="M9" s="4"/>
      <c r="N9" s="4"/>
      <c r="O9" s="4"/>
      <c r="P9" s="4"/>
      <c r="Q9" s="4"/>
      <c r="R9" s="4"/>
      <c r="S9" s="4"/>
      <c r="T9" s="4"/>
      <c r="U9" s="4"/>
      <c r="V9" s="9"/>
    </row>
    <row r="10" spans="1:22" ht="88.5" customHeight="1">
      <c r="A10" s="4"/>
      <c r="B10" s="4"/>
      <c r="C10" s="4"/>
      <c r="D10" s="4"/>
      <c r="E10" s="4"/>
      <c r="F10" s="4"/>
      <c r="G10" s="4"/>
      <c r="H10" s="4"/>
      <c r="I10" s="4"/>
      <c r="J10" s="4"/>
      <c r="K10" s="4"/>
      <c r="L10" s="4"/>
      <c r="M10" s="4"/>
      <c r="N10" s="4"/>
      <c r="O10" s="4"/>
      <c r="P10" s="4"/>
      <c r="Q10" s="4"/>
      <c r="R10" s="4"/>
      <c r="S10" s="4"/>
      <c r="T10" s="4"/>
      <c r="U10" s="4"/>
      <c r="V10" s="3"/>
    </row>
  </sheetData>
  <mergeCells count="3">
    <mergeCell ref="C5:N5"/>
    <mergeCell ref="O5:U5"/>
    <mergeCell ref="B2:U2"/>
  </mergeCells>
  <phoneticPr fontId="5"/>
  <pageMargins left="0.70866141732283472" right="0.70866141732283472" top="0.98" bottom="0.74803149606299213" header="0.31496062992125984" footer="0.31496062992125984"/>
  <pageSetup paperSize="9" scale="92" orientation="landscape"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8D8BCAD-E757-4FFB-BFD4-83A9DB6940AD}">
  <sheetPr>
    <tabColor rgb="FFFFC000"/>
    <pageSetUpPr fitToPage="1"/>
  </sheetPr>
  <dimension ref="B1:J24"/>
  <sheetViews>
    <sheetView tabSelected="1" view="pageBreakPreview" zoomScale="85" zoomScaleNormal="100" zoomScaleSheetLayoutView="85" workbookViewId="0"/>
  </sheetViews>
  <sheetFormatPr defaultColWidth="9" defaultRowHeight="28.8"/>
  <cols>
    <col min="1" max="1" width="3" style="141" customWidth="1"/>
    <col min="2" max="2" width="18.5" style="141" customWidth="1"/>
    <col min="3" max="4" width="14.5" style="141" customWidth="1"/>
    <col min="5" max="8" width="18.5" style="141" customWidth="1"/>
    <col min="9" max="9" width="3" style="141" customWidth="1"/>
    <col min="10" max="16384" width="9" style="141"/>
  </cols>
  <sheetData>
    <row r="1" spans="2:10">
      <c r="J1" s="153"/>
    </row>
    <row r="2" spans="2:10" ht="27" customHeight="1">
      <c r="B2" s="151" t="s">
        <v>260</v>
      </c>
      <c r="C2" s="152"/>
      <c r="D2" s="152"/>
      <c r="E2" s="152"/>
      <c r="F2" s="152"/>
      <c r="G2" s="152"/>
      <c r="H2" s="152"/>
      <c r="J2" s="153"/>
    </row>
    <row r="4" spans="2:10">
      <c r="B4" s="141" t="s">
        <v>248</v>
      </c>
    </row>
    <row r="5" spans="2:10">
      <c r="B5" s="142" t="s">
        <v>261</v>
      </c>
    </row>
    <row r="6" spans="2:10" ht="89.4" customHeight="1">
      <c r="B6" s="143" t="s">
        <v>249</v>
      </c>
      <c r="C6" s="144" t="s">
        <v>257</v>
      </c>
      <c r="D6" s="145" t="s">
        <v>262</v>
      </c>
      <c r="E6" s="144" t="s">
        <v>253</v>
      </c>
      <c r="F6" s="144" t="s">
        <v>254</v>
      </c>
      <c r="G6" s="144" t="s">
        <v>255</v>
      </c>
      <c r="H6" s="144" t="s">
        <v>256</v>
      </c>
    </row>
    <row r="7" spans="2:10" ht="36" customHeight="1">
      <c r="B7" s="143" t="s">
        <v>250</v>
      </c>
      <c r="C7" s="146">
        <v>6400</v>
      </c>
      <c r="D7" s="150"/>
      <c r="E7" s="147" t="str">
        <f>IF(D7=0,"",C7*D7)</f>
        <v/>
      </c>
      <c r="F7" s="140" t="str">
        <f>IF(D7=0,"",E7*2)</f>
        <v/>
      </c>
      <c r="G7" s="140" t="str">
        <f>IF(D7=0,"",ROUNDDOWN(C7*D7,-3))</f>
        <v/>
      </c>
      <c r="H7" s="140" t="str">
        <f>IF(D7=0,"",F7-G7)</f>
        <v/>
      </c>
    </row>
    <row r="8" spans="2:10" ht="36" customHeight="1">
      <c r="B8" s="143" t="s">
        <v>251</v>
      </c>
      <c r="C8" s="146">
        <v>5400</v>
      </c>
      <c r="D8" s="150"/>
      <c r="E8" s="147" t="str">
        <f t="shared" ref="E8:E10" si="0">IF(D8=0,"",C8*D8)</f>
        <v/>
      </c>
      <c r="F8" s="140"/>
      <c r="G8" s="140" t="str">
        <f t="shared" ref="G8:G10" si="1">IF(D8=0,"",ROUNDDOWN(C8*D8,-3))</f>
        <v/>
      </c>
      <c r="H8" s="140" t="str">
        <f>IF(D8=0,"",F8-G8)</f>
        <v/>
      </c>
    </row>
    <row r="9" spans="2:10" ht="36" customHeight="1">
      <c r="B9" s="143" t="s">
        <v>246</v>
      </c>
      <c r="C9" s="146">
        <v>1500</v>
      </c>
      <c r="D9" s="150"/>
      <c r="E9" s="147" t="str">
        <f t="shared" si="0"/>
        <v/>
      </c>
      <c r="F9" s="140" t="str">
        <f>IF(D9=0,"",E9*2)</f>
        <v/>
      </c>
      <c r="G9" s="140" t="str">
        <f t="shared" si="1"/>
        <v/>
      </c>
      <c r="H9" s="140" t="str">
        <f>IF(D9=0,"",F9-G9)</f>
        <v/>
      </c>
    </row>
    <row r="10" spans="2:10" ht="36" customHeight="1">
      <c r="B10" s="143" t="s">
        <v>247</v>
      </c>
      <c r="C10" s="146">
        <v>100</v>
      </c>
      <c r="D10" s="150"/>
      <c r="E10" s="147" t="str">
        <f t="shared" si="0"/>
        <v/>
      </c>
      <c r="F10" s="140" t="str">
        <f>IF(D10=0,"",E10*2)</f>
        <v/>
      </c>
      <c r="G10" s="140" t="str">
        <f t="shared" si="1"/>
        <v/>
      </c>
      <c r="H10" s="140" t="str">
        <f>IF(D10=0,"",F10-G10)</f>
        <v/>
      </c>
    </row>
    <row r="11" spans="2:10" ht="11.4" customHeight="1">
      <c r="B11" s="148"/>
      <c r="C11" s="149"/>
      <c r="D11" s="149"/>
      <c r="E11" s="149"/>
      <c r="F11" s="149"/>
      <c r="G11" s="149"/>
      <c r="H11" s="149"/>
    </row>
    <row r="12" spans="2:10">
      <c r="B12" s="141" t="s">
        <v>252</v>
      </c>
    </row>
    <row r="13" spans="2:10">
      <c r="B13" s="142" t="s">
        <v>263</v>
      </c>
    </row>
    <row r="14" spans="2:10" ht="90" customHeight="1">
      <c r="B14" s="143" t="s">
        <v>249</v>
      </c>
      <c r="C14" s="144" t="s">
        <v>257</v>
      </c>
      <c r="D14" s="144" t="s">
        <v>262</v>
      </c>
      <c r="E14" s="144" t="s">
        <v>253</v>
      </c>
      <c r="F14" s="144" t="s">
        <v>254</v>
      </c>
      <c r="G14" s="144" t="s">
        <v>255</v>
      </c>
      <c r="H14" s="144" t="s">
        <v>256</v>
      </c>
    </row>
    <row r="15" spans="2:10" ht="36" customHeight="1">
      <c r="B15" s="143" t="s">
        <v>250</v>
      </c>
      <c r="C15" s="140">
        <v>7100</v>
      </c>
      <c r="D15" s="140" t="str">
        <f>IF(D7=0,"",D7)</f>
        <v/>
      </c>
      <c r="E15" s="140" t="str">
        <f>IF(D7=0,"",C15*D15)</f>
        <v/>
      </c>
      <c r="F15" s="140" t="str">
        <f>IF(D7=0,"",E15*2)</f>
        <v/>
      </c>
      <c r="G15" s="140" t="str">
        <f>IF(D7=0,"",ROUNDDOWN(C15*D15,-3))</f>
        <v/>
      </c>
      <c r="H15" s="140" t="str">
        <f>IF(D7=0,"",F15-G15)</f>
        <v/>
      </c>
    </row>
    <row r="16" spans="2:10" ht="36" customHeight="1">
      <c r="B16" s="143" t="s">
        <v>251</v>
      </c>
      <c r="C16" s="140">
        <v>1500</v>
      </c>
      <c r="D16" s="140" t="str">
        <f>IF(D8=0,"",D8)</f>
        <v/>
      </c>
      <c r="E16" s="140" t="str">
        <f>IF(D8=0,"",C16*D16)</f>
        <v/>
      </c>
      <c r="F16" s="140" t="str">
        <f>IF(D8=0,"",E16*2)</f>
        <v/>
      </c>
      <c r="G16" s="140" t="str">
        <f>IF(D8=0,"",ROUNDDOWN(C16*D16,-3))</f>
        <v/>
      </c>
      <c r="H16" s="140" t="str">
        <f>IF(D8=0,"",F16-G16)</f>
        <v/>
      </c>
    </row>
    <row r="17" spans="2:8" ht="15.6" customHeight="1">
      <c r="B17" s="148"/>
      <c r="C17" s="149"/>
      <c r="D17" s="149"/>
      <c r="E17" s="149"/>
      <c r="F17" s="149"/>
      <c r="G17" s="149"/>
      <c r="H17" s="149"/>
    </row>
    <row r="18" spans="2:8">
      <c r="E18" s="141" t="s">
        <v>258</v>
      </c>
    </row>
    <row r="19" spans="2:8">
      <c r="E19" s="142" t="s">
        <v>259</v>
      </c>
    </row>
    <row r="20" spans="2:8" ht="89.4" customHeight="1">
      <c r="E20" s="143" t="s">
        <v>249</v>
      </c>
      <c r="F20" s="144" t="s">
        <v>254</v>
      </c>
      <c r="G20" s="144" t="s">
        <v>255</v>
      </c>
      <c r="H20" s="144" t="s">
        <v>256</v>
      </c>
    </row>
    <row r="21" spans="2:8" ht="36" customHeight="1">
      <c r="E21" s="143" t="s">
        <v>250</v>
      </c>
      <c r="F21" s="140" t="str">
        <f>IF(D7=0,"",F7+F15)</f>
        <v/>
      </c>
      <c r="G21" s="140" t="str">
        <f>IF(D7=0,"",G7+G15)</f>
        <v/>
      </c>
      <c r="H21" s="140" t="str">
        <f>IF(D7=0,"",H7+H15)</f>
        <v/>
      </c>
    </row>
    <row r="22" spans="2:8" ht="36" customHeight="1">
      <c r="E22" s="143" t="s">
        <v>251</v>
      </c>
      <c r="F22" s="140" t="str">
        <f>IF(D8=0,"",F8+F16)</f>
        <v/>
      </c>
      <c r="G22" s="140" t="str">
        <f>IF(D8=0,"",G8+G16)</f>
        <v/>
      </c>
      <c r="H22" s="140" t="str">
        <f>IF(D8=0,"",H8+H16)</f>
        <v/>
      </c>
    </row>
    <row r="23" spans="2:8" ht="36" customHeight="1">
      <c r="E23" s="143" t="s">
        <v>246</v>
      </c>
      <c r="F23" s="140" t="str">
        <f>IF(D9=0,"",F9)</f>
        <v/>
      </c>
      <c r="G23" s="140" t="str">
        <f>IF(D9=0,"",G9)</f>
        <v/>
      </c>
      <c r="H23" s="140" t="str">
        <f>IF(D9=0,"",H9)</f>
        <v/>
      </c>
    </row>
    <row r="24" spans="2:8" ht="36" customHeight="1">
      <c r="E24" s="143" t="s">
        <v>247</v>
      </c>
      <c r="F24" s="140" t="str">
        <f>IF(D10=0,"",F10)</f>
        <v/>
      </c>
      <c r="G24" s="140" t="str">
        <f>IF(D10=0,"",G10)</f>
        <v/>
      </c>
      <c r="H24" s="140" t="str">
        <f>IF(D10=0,"",H10)</f>
        <v/>
      </c>
    </row>
  </sheetData>
  <phoneticPr fontId="5"/>
  <printOptions horizontalCentered="1"/>
  <pageMargins left="0.78740157480314965" right="0.78740157480314965" top="0.98425196850393704" bottom="1.0629921259842521" header="0.31496062992125984" footer="0.31496062992125984"/>
  <pageSetup paperSize="9" scale="62"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FF0000"/>
    <pageSetUpPr fitToPage="1"/>
  </sheetPr>
  <dimension ref="A1:R24"/>
  <sheetViews>
    <sheetView showGridLines="0" view="pageBreakPreview" zoomScale="60" zoomScaleNormal="50" workbookViewId="0">
      <selection activeCell="T6" sqref="T6"/>
    </sheetView>
  </sheetViews>
  <sheetFormatPr defaultRowHeight="14.4"/>
  <cols>
    <col min="1" max="1" width="5.69921875" customWidth="1"/>
    <col min="4" max="5" width="11.09765625" customWidth="1"/>
    <col min="9" max="13" width="12.19921875" customWidth="1"/>
    <col min="14" max="14" width="6.19921875" customWidth="1"/>
    <col min="18" max="18" width="5.19921875" customWidth="1"/>
  </cols>
  <sheetData>
    <row r="1" spans="1:18" ht="26.25" customHeight="1">
      <c r="A1" s="205" t="s">
        <v>115</v>
      </c>
      <c r="B1" s="205"/>
      <c r="C1" s="205"/>
    </row>
    <row r="2" spans="1:18" ht="16.2">
      <c r="A2" s="206" t="s">
        <v>116</v>
      </c>
      <c r="B2" s="206"/>
      <c r="C2" s="206"/>
      <c r="D2" s="206"/>
      <c r="E2" s="206"/>
      <c r="F2" s="206"/>
      <c r="G2" s="206"/>
      <c r="H2" s="206"/>
      <c r="I2" s="206"/>
      <c r="J2" s="206"/>
      <c r="K2" s="206"/>
      <c r="L2" s="206"/>
      <c r="M2" s="206"/>
      <c r="N2" s="206"/>
      <c r="O2" s="206"/>
      <c r="P2" s="206"/>
      <c r="Q2" s="206"/>
      <c r="R2" s="206"/>
    </row>
    <row r="4" spans="1:18" ht="20.25" customHeight="1">
      <c r="A4" t="s">
        <v>86</v>
      </c>
    </row>
    <row r="6" spans="1:18" ht="30" customHeight="1">
      <c r="A6" s="157" t="s">
        <v>88</v>
      </c>
      <c r="B6" s="157"/>
      <c r="C6" s="157"/>
      <c r="D6" s="157"/>
      <c r="E6" s="157" t="s">
        <v>245</v>
      </c>
      <c r="F6" s="157"/>
      <c r="G6" s="157"/>
      <c r="H6" s="157"/>
      <c r="I6" s="207" t="s">
        <v>87</v>
      </c>
      <c r="J6" s="208"/>
      <c r="K6" s="208"/>
      <c r="L6" s="208"/>
      <c r="M6" s="209"/>
      <c r="N6" s="119"/>
      <c r="O6" s="119"/>
      <c r="P6" s="119"/>
      <c r="Q6" s="119"/>
      <c r="R6" s="119"/>
    </row>
    <row r="7" spans="1:18" ht="30" customHeight="1">
      <c r="A7" s="212" t="s">
        <v>105</v>
      </c>
      <c r="B7" s="169" t="s">
        <v>113</v>
      </c>
      <c r="C7" s="164"/>
      <c r="D7" s="164"/>
      <c r="E7" s="164"/>
      <c r="F7" s="165"/>
      <c r="G7" s="169" t="s">
        <v>112</v>
      </c>
      <c r="H7" s="165"/>
      <c r="I7" s="169" t="s">
        <v>114</v>
      </c>
      <c r="J7" s="164"/>
      <c r="K7" s="164"/>
      <c r="L7" s="164"/>
      <c r="M7" s="165"/>
      <c r="N7" s="169" t="s">
        <v>89</v>
      </c>
      <c r="O7" s="165"/>
      <c r="P7" s="169" t="s">
        <v>90</v>
      </c>
      <c r="Q7" s="165"/>
      <c r="R7" s="162" t="s">
        <v>91</v>
      </c>
    </row>
    <row r="8" spans="1:18" ht="30" customHeight="1">
      <c r="A8" s="213"/>
      <c r="B8" s="162" t="s">
        <v>104</v>
      </c>
      <c r="C8" s="162" t="s">
        <v>80</v>
      </c>
      <c r="D8" s="168" t="s">
        <v>103</v>
      </c>
      <c r="E8" s="168" t="s">
        <v>102</v>
      </c>
      <c r="F8" s="162" t="s">
        <v>81</v>
      </c>
      <c r="G8" s="168" t="s">
        <v>101</v>
      </c>
      <c r="H8" s="168" t="s">
        <v>100</v>
      </c>
      <c r="I8" s="162" t="s">
        <v>94</v>
      </c>
      <c r="J8" s="169" t="s">
        <v>95</v>
      </c>
      <c r="K8" s="164"/>
      <c r="L8" s="164"/>
      <c r="M8" s="165"/>
      <c r="N8" s="168" t="s">
        <v>108</v>
      </c>
      <c r="O8" s="168" t="s">
        <v>93</v>
      </c>
      <c r="P8" s="168" t="s">
        <v>92</v>
      </c>
      <c r="Q8" s="168" t="s">
        <v>99</v>
      </c>
      <c r="R8" s="163"/>
    </row>
    <row r="9" spans="1:18" ht="30" customHeight="1">
      <c r="A9" s="214"/>
      <c r="B9" s="210"/>
      <c r="C9" s="210"/>
      <c r="D9" s="211"/>
      <c r="E9" s="211"/>
      <c r="F9" s="210"/>
      <c r="G9" s="210"/>
      <c r="H9" s="210"/>
      <c r="I9" s="210"/>
      <c r="J9" s="118" t="s">
        <v>96</v>
      </c>
      <c r="K9" s="118" t="s">
        <v>85</v>
      </c>
      <c r="L9" s="118" t="s">
        <v>97</v>
      </c>
      <c r="M9" s="118" t="s">
        <v>98</v>
      </c>
      <c r="N9" s="210"/>
      <c r="O9" s="211"/>
      <c r="P9" s="211"/>
      <c r="Q9" s="210"/>
      <c r="R9" s="210"/>
    </row>
    <row r="10" spans="1:18" ht="30" customHeight="1">
      <c r="A10" s="162"/>
      <c r="B10" s="118"/>
      <c r="C10" s="118"/>
      <c r="D10" s="118"/>
      <c r="E10" s="118"/>
      <c r="F10" s="118"/>
      <c r="G10" s="118"/>
      <c r="H10" s="118"/>
      <c r="I10" s="120" t="s">
        <v>83</v>
      </c>
      <c r="J10" s="120" t="s">
        <v>83</v>
      </c>
      <c r="K10" s="120" t="s">
        <v>83</v>
      </c>
      <c r="L10" s="120" t="s">
        <v>83</v>
      </c>
      <c r="M10" s="120" t="s">
        <v>83</v>
      </c>
      <c r="N10" s="118"/>
      <c r="O10" s="118"/>
      <c r="P10" s="118"/>
      <c r="Q10" s="118"/>
      <c r="R10" s="118"/>
    </row>
    <row r="11" spans="1:18" ht="30" customHeight="1">
      <c r="A11" s="163"/>
      <c r="B11" s="118"/>
      <c r="C11" s="118"/>
      <c r="D11" s="118"/>
      <c r="E11" s="118"/>
      <c r="F11" s="118"/>
      <c r="G11" s="118"/>
      <c r="H11" s="118"/>
      <c r="I11" s="118"/>
      <c r="J11" s="118"/>
      <c r="K11" s="118"/>
      <c r="L11" s="118"/>
      <c r="M11" s="118"/>
      <c r="N11" s="118"/>
      <c r="O11" s="118"/>
      <c r="P11" s="118"/>
      <c r="Q11" s="118"/>
      <c r="R11" s="118"/>
    </row>
    <row r="12" spans="1:18" ht="30" customHeight="1">
      <c r="A12" s="163"/>
      <c r="B12" s="118"/>
      <c r="C12" s="118"/>
      <c r="D12" s="118"/>
      <c r="E12" s="118"/>
      <c r="F12" s="118"/>
      <c r="G12" s="118"/>
      <c r="H12" s="118"/>
      <c r="I12" s="118"/>
      <c r="J12" s="118"/>
      <c r="K12" s="118"/>
      <c r="L12" s="118"/>
      <c r="M12" s="118"/>
      <c r="N12" s="118"/>
      <c r="O12" s="118"/>
      <c r="P12" s="118"/>
      <c r="Q12" s="118"/>
      <c r="R12" s="118"/>
    </row>
    <row r="13" spans="1:18" ht="30" customHeight="1">
      <c r="A13" s="163"/>
      <c r="B13" s="118"/>
      <c r="C13" s="118"/>
      <c r="D13" s="118"/>
      <c r="E13" s="118"/>
      <c r="F13" s="118"/>
      <c r="G13" s="118"/>
      <c r="H13" s="118"/>
      <c r="I13" s="118"/>
      <c r="J13" s="118"/>
      <c r="K13" s="118"/>
      <c r="L13" s="118"/>
      <c r="M13" s="118"/>
      <c r="N13" s="118"/>
      <c r="O13" s="118"/>
      <c r="P13" s="118"/>
      <c r="Q13" s="118"/>
      <c r="R13" s="118"/>
    </row>
    <row r="14" spans="1:18" ht="30" customHeight="1">
      <c r="A14" s="210"/>
      <c r="B14" s="118" t="s">
        <v>106</v>
      </c>
      <c r="C14" s="118"/>
      <c r="D14" s="118"/>
      <c r="E14" s="118"/>
      <c r="F14" s="118"/>
      <c r="G14" s="118"/>
      <c r="H14" s="118"/>
      <c r="I14" s="118"/>
      <c r="J14" s="118"/>
      <c r="K14" s="118"/>
      <c r="L14" s="118"/>
      <c r="M14" s="118"/>
      <c r="N14" s="118"/>
      <c r="O14" s="118"/>
      <c r="P14" s="118"/>
      <c r="Q14" s="118"/>
      <c r="R14" s="118"/>
    </row>
    <row r="15" spans="1:18" ht="30" customHeight="1">
      <c r="A15" s="162"/>
      <c r="B15" s="118"/>
      <c r="C15" s="118"/>
      <c r="D15" s="118"/>
      <c r="E15" s="118"/>
      <c r="F15" s="118"/>
      <c r="G15" s="118"/>
      <c r="H15" s="118"/>
      <c r="I15" s="118"/>
      <c r="J15" s="118"/>
      <c r="K15" s="118"/>
      <c r="L15" s="118"/>
      <c r="M15" s="118"/>
      <c r="N15" s="118"/>
      <c r="O15" s="118"/>
      <c r="P15" s="118"/>
      <c r="Q15" s="118"/>
      <c r="R15" s="118"/>
    </row>
    <row r="16" spans="1:18" ht="30" customHeight="1">
      <c r="A16" s="163"/>
      <c r="B16" s="118"/>
      <c r="C16" s="118"/>
      <c r="D16" s="118"/>
      <c r="E16" s="118"/>
      <c r="F16" s="118"/>
      <c r="G16" s="118"/>
      <c r="H16" s="118"/>
      <c r="I16" s="118"/>
      <c r="J16" s="118"/>
      <c r="K16" s="118"/>
      <c r="L16" s="118"/>
      <c r="M16" s="118"/>
      <c r="N16" s="118"/>
      <c r="O16" s="118"/>
      <c r="P16" s="118"/>
      <c r="Q16" s="118"/>
      <c r="R16" s="118"/>
    </row>
    <row r="17" spans="1:18" ht="30" customHeight="1">
      <c r="A17" s="163"/>
      <c r="B17" s="118"/>
      <c r="C17" s="118"/>
      <c r="D17" s="118"/>
      <c r="E17" s="118"/>
      <c r="F17" s="118"/>
      <c r="G17" s="118"/>
      <c r="H17" s="118"/>
      <c r="I17" s="118"/>
      <c r="J17" s="118"/>
      <c r="K17" s="118"/>
      <c r="L17" s="118"/>
      <c r="M17" s="118"/>
      <c r="N17" s="118"/>
      <c r="O17" s="118"/>
      <c r="P17" s="118"/>
      <c r="Q17" s="118"/>
      <c r="R17" s="118"/>
    </row>
    <row r="18" spans="1:18" ht="30" customHeight="1">
      <c r="A18" s="163"/>
      <c r="B18" s="118"/>
      <c r="C18" s="118"/>
      <c r="D18" s="118"/>
      <c r="E18" s="118"/>
      <c r="F18" s="118"/>
      <c r="G18" s="118"/>
      <c r="H18" s="118"/>
      <c r="I18" s="118"/>
      <c r="J18" s="118"/>
      <c r="K18" s="118"/>
      <c r="L18" s="118"/>
      <c r="M18" s="118"/>
      <c r="N18" s="118"/>
      <c r="O18" s="118"/>
      <c r="P18" s="118"/>
      <c r="Q18" s="118"/>
      <c r="R18" s="118"/>
    </row>
    <row r="19" spans="1:18" ht="30" customHeight="1">
      <c r="A19" s="210"/>
      <c r="B19" s="118" t="s">
        <v>106</v>
      </c>
      <c r="C19" s="118"/>
      <c r="D19" s="118"/>
      <c r="E19" s="118"/>
      <c r="F19" s="118"/>
      <c r="G19" s="118"/>
      <c r="H19" s="118"/>
      <c r="I19" s="118"/>
      <c r="J19" s="118"/>
      <c r="K19" s="118"/>
      <c r="L19" s="118"/>
      <c r="M19" s="118"/>
      <c r="N19" s="118"/>
      <c r="O19" s="118"/>
      <c r="P19" s="118"/>
      <c r="Q19" s="118"/>
      <c r="R19" s="118"/>
    </row>
    <row r="20" spans="1:18" ht="30" customHeight="1">
      <c r="A20" s="169" t="s">
        <v>107</v>
      </c>
      <c r="B20" s="165"/>
      <c r="C20" s="118"/>
      <c r="D20" s="118"/>
      <c r="E20" s="118"/>
      <c r="F20" s="118"/>
      <c r="G20" s="118"/>
      <c r="H20" s="118"/>
      <c r="I20" s="118"/>
      <c r="J20" s="118"/>
      <c r="K20" s="118"/>
      <c r="L20" s="118"/>
      <c r="M20" s="118"/>
      <c r="N20" s="118"/>
      <c r="O20" s="118"/>
      <c r="P20" s="118"/>
      <c r="Q20" s="118"/>
      <c r="R20" s="118"/>
    </row>
    <row r="21" spans="1:18">
      <c r="A21" t="s">
        <v>109</v>
      </c>
    </row>
    <row r="22" spans="1:18">
      <c r="A22" s="215" t="s">
        <v>241</v>
      </c>
      <c r="B22" s="215"/>
      <c r="C22" s="215"/>
      <c r="D22" s="215"/>
      <c r="E22" s="215"/>
      <c r="F22" s="215"/>
      <c r="G22" s="215"/>
      <c r="H22" s="215"/>
      <c r="I22" s="215"/>
      <c r="J22" s="215"/>
      <c r="K22" s="215"/>
      <c r="L22" s="215"/>
      <c r="M22" s="215"/>
      <c r="N22" s="215"/>
      <c r="O22" s="215"/>
      <c r="P22" s="215"/>
      <c r="Q22" s="215"/>
      <c r="R22" s="215"/>
    </row>
    <row r="23" spans="1:18">
      <c r="A23" s="216" t="s">
        <v>110</v>
      </c>
      <c r="B23" s="216"/>
      <c r="C23" s="216"/>
      <c r="D23" s="216"/>
      <c r="E23" s="216"/>
      <c r="F23" s="216"/>
      <c r="G23" s="216"/>
      <c r="H23" s="216"/>
      <c r="I23" s="216"/>
      <c r="J23" s="216"/>
      <c r="K23" s="216"/>
      <c r="L23" s="216"/>
      <c r="M23" s="216"/>
      <c r="N23" s="216"/>
      <c r="O23" s="216"/>
      <c r="P23" s="216"/>
      <c r="Q23" s="216"/>
      <c r="R23" s="216"/>
    </row>
    <row r="24" spans="1:18">
      <c r="A24" s="216" t="s">
        <v>111</v>
      </c>
      <c r="B24" s="216"/>
      <c r="C24" s="216"/>
      <c r="D24" s="216"/>
      <c r="E24" s="216"/>
      <c r="F24" s="216"/>
      <c r="G24" s="216"/>
      <c r="H24" s="216"/>
      <c r="I24" s="216"/>
      <c r="J24" s="216"/>
      <c r="K24" s="216"/>
      <c r="L24" s="216"/>
      <c r="M24" s="216"/>
      <c r="N24" s="216"/>
      <c r="O24" s="216"/>
      <c r="P24" s="216"/>
      <c r="Q24" s="216"/>
      <c r="R24" s="216"/>
    </row>
  </sheetData>
  <mergeCells count="31">
    <mergeCell ref="A15:A19"/>
    <mergeCell ref="A20:B20"/>
    <mergeCell ref="A22:R22"/>
    <mergeCell ref="A23:R23"/>
    <mergeCell ref="A24:R24"/>
    <mergeCell ref="J8:M8"/>
    <mergeCell ref="N8:N9"/>
    <mergeCell ref="O8:O9"/>
    <mergeCell ref="P8:P9"/>
    <mergeCell ref="Q8:Q9"/>
    <mergeCell ref="A10:A14"/>
    <mergeCell ref="P7:Q7"/>
    <mergeCell ref="R7:R9"/>
    <mergeCell ref="B8:B9"/>
    <mergeCell ref="C8:C9"/>
    <mergeCell ref="D8:D9"/>
    <mergeCell ref="E8:E9"/>
    <mergeCell ref="F8:F9"/>
    <mergeCell ref="G8:G9"/>
    <mergeCell ref="H8:H9"/>
    <mergeCell ref="I8:I9"/>
    <mergeCell ref="A7:A9"/>
    <mergeCell ref="B7:F7"/>
    <mergeCell ref="G7:H7"/>
    <mergeCell ref="I7:M7"/>
    <mergeCell ref="N7:O7"/>
    <mergeCell ref="A1:C1"/>
    <mergeCell ref="A2:R2"/>
    <mergeCell ref="A6:D6"/>
    <mergeCell ref="E6:H6"/>
    <mergeCell ref="I6:M6"/>
  </mergeCells>
  <phoneticPr fontId="5"/>
  <pageMargins left="0.70866141732283472" right="0.49" top="0.74803149606299213" bottom="0.74803149606299213" header="0.31496062992125984" footer="0.31496062992125984"/>
  <pageSetup paperSize="9" scale="72"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4</vt:i4>
      </vt:variant>
    </vt:vector>
  </HeadingPairs>
  <TitlesOfParts>
    <vt:vector size="10" baseType="lpstr">
      <vt:lpstr>１号様式別記B</vt:lpstr>
      <vt:lpstr>３号様式３－１ (令和)</vt:lpstr>
      <vt:lpstr>３号様式３－２</vt:lpstr>
      <vt:lpstr>３号様式３－３</vt:lpstr>
      <vt:lpstr>令和７年度　交付申請額及び実績報告額　算定シート</vt:lpstr>
      <vt:lpstr>７号様式 (令和)</vt:lpstr>
      <vt:lpstr>'１号様式別記B'!Print_Area</vt:lpstr>
      <vt:lpstr>'３号様式３－１ (令和)'!Print_Area</vt:lpstr>
      <vt:lpstr>'３号様式３－２'!Print_Area</vt:lpstr>
      <vt:lpstr>'令和７年度　交付申請額及び実績報告額　算定シート'!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1-04T06:55:05Z</cp:lastPrinted>
  <dcterms:created xsi:type="dcterms:W3CDTF">2014-03-24T11:08:17Z</dcterms:created>
  <dcterms:modified xsi:type="dcterms:W3CDTF">2026-02-05T23:46:27Z</dcterms:modified>
</cp:coreProperties>
</file>